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2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notesSlides/notesSlide4.xml" ContentType="application/vnd.openxmlformats-officedocument.presentationml.notesSlide+xml"/>
  <Override PartName="/ppt/tags/tag2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7"/>
  </p:notesMasterIdLst>
  <p:sldIdLst>
    <p:sldId id="271" r:id="rId2"/>
    <p:sldId id="340" r:id="rId3"/>
    <p:sldId id="500" r:id="rId4"/>
    <p:sldId id="332" r:id="rId5"/>
    <p:sldId id="503" r:id="rId6"/>
    <p:sldId id="507" r:id="rId7"/>
    <p:sldId id="508" r:id="rId8"/>
    <p:sldId id="509" r:id="rId9"/>
    <p:sldId id="514" r:id="rId10"/>
    <p:sldId id="510" r:id="rId11"/>
    <p:sldId id="494" r:id="rId12"/>
    <p:sldId id="513" r:id="rId13"/>
    <p:sldId id="360" r:id="rId14"/>
    <p:sldId id="361" r:id="rId15"/>
    <p:sldId id="511" r:id="rId16"/>
    <p:sldId id="498" r:id="rId17"/>
    <p:sldId id="496" r:id="rId18"/>
    <p:sldId id="495" r:id="rId19"/>
    <p:sldId id="499" r:id="rId20"/>
    <p:sldId id="497" r:id="rId21"/>
    <p:sldId id="501" r:id="rId22"/>
    <p:sldId id="488" r:id="rId23"/>
    <p:sldId id="276" r:id="rId24"/>
    <p:sldId id="515" r:id="rId25"/>
    <p:sldId id="281" r:id="rId26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8EC20E35-A176-4012-BC5E-935CFFF8708E}" styleName="Mellemlayout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4" autoAdjust="0"/>
    <p:restoredTop sz="94660"/>
  </p:normalViewPr>
  <p:slideViewPr>
    <p:cSldViewPr snapToGrid="0">
      <p:cViewPr varScale="1">
        <p:scale>
          <a:sx n="69" d="100"/>
          <a:sy n="69" d="100"/>
        </p:scale>
        <p:origin x="66" y="90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6387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microsoft.com/office/2016/11/relationships/changesInfo" Target="changesInfos/changesInfo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notesMaster" Target="notesMasters/notesMaster1.xml"/><Relationship Id="rId30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iels henrik Helms" userId="da476571e4c8b90b" providerId="LiveId" clId="{1BDAC79E-3B06-4A9E-880B-269D837773C2}"/>
    <pc:docChg chg="modSld">
      <pc:chgData name="Niels henrik Helms" userId="da476571e4c8b90b" providerId="LiveId" clId="{1BDAC79E-3B06-4A9E-880B-269D837773C2}" dt="2021-01-31T13:36:26.493" v="19" actId="20577"/>
      <pc:docMkLst>
        <pc:docMk/>
      </pc:docMkLst>
      <pc:sldChg chg="modSp mod">
        <pc:chgData name="Niels henrik Helms" userId="da476571e4c8b90b" providerId="LiveId" clId="{1BDAC79E-3B06-4A9E-880B-269D837773C2}" dt="2021-01-31T13:36:26.493" v="19" actId="20577"/>
        <pc:sldMkLst>
          <pc:docMk/>
          <pc:sldMk cId="1223349488" sldId="515"/>
        </pc:sldMkLst>
        <pc:spChg chg="mod">
          <ac:chgData name="Niels henrik Helms" userId="da476571e4c8b90b" providerId="LiveId" clId="{1BDAC79E-3B06-4A9E-880B-269D837773C2}" dt="2021-01-31T13:36:26.493" v="19" actId="20577"/>
          <ac:spMkLst>
            <pc:docMk/>
            <pc:sldMk cId="1223349488" sldId="515"/>
            <ac:spMk id="6" creationId="{FB52A481-854F-4676-A3C8-D7A21CE0CE77}"/>
          </ac:spMkLst>
        </pc:spChg>
      </pc:sldChg>
    </pc:docChg>
  </pc:docChgLst>
</pc:chgInfo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4" Type="http://schemas.openxmlformats.org/officeDocument/2006/relationships/image" Target="../media/image7.svg"/></Relationships>
</file>

<file path=ppt/diagrams/_rels/data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sv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image" Target="../media/image16.svg"/><Relationship Id="rId1" Type="http://schemas.openxmlformats.org/officeDocument/2006/relationships/image" Target="../media/image15.png"/><Relationship Id="rId6" Type="http://schemas.openxmlformats.org/officeDocument/2006/relationships/image" Target="../media/image20.svg"/><Relationship Id="rId5" Type="http://schemas.openxmlformats.org/officeDocument/2006/relationships/image" Target="../media/image19.png"/><Relationship Id="rId4" Type="http://schemas.openxmlformats.org/officeDocument/2006/relationships/image" Target="../media/image18.sv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svg"/><Relationship Id="rId1" Type="http://schemas.openxmlformats.org/officeDocument/2006/relationships/image" Target="../media/image4.png"/><Relationship Id="rId4" Type="http://schemas.openxmlformats.org/officeDocument/2006/relationships/image" Target="../media/image7.svg"/></Relationships>
</file>

<file path=ppt/diagrams/_rels/drawing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svg"/><Relationship Id="rId3" Type="http://schemas.openxmlformats.org/officeDocument/2006/relationships/image" Target="../media/image17.png"/><Relationship Id="rId7" Type="http://schemas.openxmlformats.org/officeDocument/2006/relationships/image" Target="../media/image21.png"/><Relationship Id="rId2" Type="http://schemas.openxmlformats.org/officeDocument/2006/relationships/image" Target="../media/image16.svg"/><Relationship Id="rId1" Type="http://schemas.openxmlformats.org/officeDocument/2006/relationships/image" Target="../media/image15.png"/><Relationship Id="rId6" Type="http://schemas.openxmlformats.org/officeDocument/2006/relationships/image" Target="../media/image20.svg"/><Relationship Id="rId5" Type="http://schemas.openxmlformats.org/officeDocument/2006/relationships/image" Target="../media/image19.png"/><Relationship Id="rId4" Type="http://schemas.openxmlformats.org/officeDocument/2006/relationships/image" Target="../media/image18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18/5/colors/Iconchunking_neutralicontext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bg1"/>
    </dgm:fillClrLst>
    <dgm:linClrLst meth="repeat">
      <a:schemeClr val="lt1">
        <a:alpha val="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bg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18/5/colors/Iconchunking_neutralbg_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>
        <a:alpha val="0"/>
      </a:schemeClr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bg1">
        <a:lumMod val="95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5_2">
  <dgm:title val=""/>
  <dgm:desc val=""/>
  <dgm:catLst>
    <dgm:cat type="accent5" pri="11200"/>
  </dgm:catLst>
  <dgm:styleLbl name="node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5"/>
    </dgm:fillClrLst>
    <dgm:linClrLst meth="repeat">
      <a:schemeClr val="accent5"/>
    </dgm:linClrLst>
    <dgm:effectClrLst/>
    <dgm:txLinClrLst/>
    <dgm:txFillClrLst/>
    <dgm:txEffectClrLst/>
  </dgm:styleLbl>
  <dgm:styleLbl name="lnNode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>
        <a:tint val="60000"/>
      </a:schemeClr>
    </dgm:fillClrLst>
    <dgm:linClrLst meth="repeat">
      <a:schemeClr val="accent5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5"/>
    </dgm:fillClrLst>
    <dgm:linClrLst meth="repeat">
      <a:schemeClr val="accent5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/>
    </dgm:fillClrLst>
    <dgm:linClrLst meth="repeat">
      <a:schemeClr val="accent5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5">
        <a:alpha val="90000"/>
        <a:tint val="40000"/>
      </a:schemeClr>
    </dgm:fillClrLst>
    <dgm:linClrLst meth="repeat">
      <a:schemeClr val="accent5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8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FCA50CA-EF0B-4E09-943B-3D198F096A57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icontext_colorful1" csCatId="colorful" phldr="1"/>
      <dgm:spPr/>
      <dgm:t>
        <a:bodyPr/>
        <a:lstStyle/>
        <a:p>
          <a:endParaRPr lang="en-US"/>
        </a:p>
      </dgm:t>
    </dgm:pt>
    <dgm:pt modelId="{0127764C-7FF4-4FC2-95D4-0D8175CFAEB8}">
      <dgm:prSet/>
      <dgm:spPr/>
      <dgm:t>
        <a:bodyPr/>
        <a:lstStyle/>
        <a:p>
          <a:r>
            <a:rPr lang="da-DK" strike="noStrike" dirty="0"/>
            <a:t>e-læring (</a:t>
          </a:r>
          <a:r>
            <a:rPr lang="da-DK" strike="noStrike" dirty="0" err="1"/>
            <a:t>nu:digital</a:t>
          </a:r>
          <a:r>
            <a:rPr lang="da-DK" strike="noStrike" dirty="0"/>
            <a:t> læring) </a:t>
          </a:r>
          <a:r>
            <a:rPr lang="da-DK" dirty="0"/>
            <a:t>er </a:t>
          </a:r>
          <a:r>
            <a:rPr lang="da-DK" i="1" dirty="0"/>
            <a:t>læring, der er helt eller delvist medieret</a:t>
          </a:r>
          <a:r>
            <a:rPr lang="da-DK" dirty="0"/>
            <a:t> af </a:t>
          </a:r>
          <a:r>
            <a:rPr lang="da-DK" i="1" dirty="0"/>
            <a:t>digitale</a:t>
          </a:r>
          <a:r>
            <a:rPr lang="da-DK" dirty="0"/>
            <a:t> medier</a:t>
          </a:r>
          <a:endParaRPr lang="en-US" dirty="0"/>
        </a:p>
      </dgm:t>
    </dgm:pt>
    <dgm:pt modelId="{B3DE737F-529F-4016-A640-F090F1C7E0DA}" type="parTrans" cxnId="{BF090EC4-55E6-4CE7-841B-64D13AA3504D}">
      <dgm:prSet/>
      <dgm:spPr/>
      <dgm:t>
        <a:bodyPr/>
        <a:lstStyle/>
        <a:p>
          <a:endParaRPr lang="en-US"/>
        </a:p>
      </dgm:t>
    </dgm:pt>
    <dgm:pt modelId="{8B72EE24-894D-47DB-A181-4BC3C0EBF414}" type="sibTrans" cxnId="{BF090EC4-55E6-4CE7-841B-64D13AA3504D}">
      <dgm:prSet/>
      <dgm:spPr/>
      <dgm:t>
        <a:bodyPr/>
        <a:lstStyle/>
        <a:p>
          <a:endParaRPr lang="en-US"/>
        </a:p>
      </dgm:t>
    </dgm:pt>
    <dgm:pt modelId="{D6BDADFE-ED2C-4A8F-8FCC-CA704CB2A3F0}">
      <dgm:prSet/>
      <dgm:spPr/>
      <dgm:t>
        <a:bodyPr/>
        <a:lstStyle/>
        <a:p>
          <a:r>
            <a:rPr lang="da-DK" i="1" dirty="0"/>
            <a:t>Ved digital læring forstås her planlagt læring, der er helt eller delvist digitalt medieret med det sigte at skabe en kvalitativ og/eller kvantitativ forbedring af en uddannelse/uddannelsesindsats</a:t>
          </a:r>
          <a:r>
            <a:rPr lang="da-DK" dirty="0"/>
            <a:t> </a:t>
          </a:r>
          <a:endParaRPr lang="en-US" dirty="0"/>
        </a:p>
      </dgm:t>
    </dgm:pt>
    <dgm:pt modelId="{2588398F-811D-4217-B776-19276C05C0D4}" type="parTrans" cxnId="{4C4A2CEA-758B-4013-BAB6-81F1B3D58F72}">
      <dgm:prSet/>
      <dgm:spPr/>
      <dgm:t>
        <a:bodyPr/>
        <a:lstStyle/>
        <a:p>
          <a:endParaRPr lang="en-US"/>
        </a:p>
      </dgm:t>
    </dgm:pt>
    <dgm:pt modelId="{02C99D85-911C-4EF9-AB32-BCB3EE875491}" type="sibTrans" cxnId="{4C4A2CEA-758B-4013-BAB6-81F1B3D58F72}">
      <dgm:prSet/>
      <dgm:spPr/>
      <dgm:t>
        <a:bodyPr/>
        <a:lstStyle/>
        <a:p>
          <a:endParaRPr lang="en-US"/>
        </a:p>
      </dgm:t>
    </dgm:pt>
    <dgm:pt modelId="{3B9839F8-F56F-404C-A454-FD1E3DB7FD72}" type="pres">
      <dgm:prSet presAssocID="{5FCA50CA-EF0B-4E09-943B-3D198F096A57}" presName="root" presStyleCnt="0">
        <dgm:presLayoutVars>
          <dgm:dir/>
          <dgm:resizeHandles val="exact"/>
        </dgm:presLayoutVars>
      </dgm:prSet>
      <dgm:spPr/>
    </dgm:pt>
    <dgm:pt modelId="{662B703E-F5A9-4ACD-8DAA-8B8796639850}" type="pres">
      <dgm:prSet presAssocID="{0127764C-7FF4-4FC2-95D4-0D8175CFAEB8}" presName="compNode" presStyleCnt="0"/>
      <dgm:spPr/>
    </dgm:pt>
    <dgm:pt modelId="{C630C9A1-2F4C-414F-83FD-CBDB492AAD54}" type="pres">
      <dgm:prSet presAssocID="{0127764C-7FF4-4FC2-95D4-0D8175CFAEB8}" presName="bgRect" presStyleLbl="bgShp" presStyleIdx="0" presStyleCnt="2"/>
      <dgm:spPr/>
    </dgm:pt>
    <dgm:pt modelId="{9D260B85-DD02-4A2D-AA48-1235D011E4BC}" type="pres">
      <dgm:prSet presAssocID="{0127764C-7FF4-4FC2-95D4-0D8175CFAEB8}" presName="iconRect" presStyleLbl="node1" presStyleIdx="0" presStyleCnt="2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Klasseværelse"/>
        </a:ext>
      </dgm:extLst>
    </dgm:pt>
    <dgm:pt modelId="{EB7D43B4-2B9B-4B6A-AAD3-C89738835D91}" type="pres">
      <dgm:prSet presAssocID="{0127764C-7FF4-4FC2-95D4-0D8175CFAEB8}" presName="spaceRect" presStyleCnt="0"/>
      <dgm:spPr/>
    </dgm:pt>
    <dgm:pt modelId="{472F4B2E-846F-4EC1-83D7-9B9AF68BEA6F}" type="pres">
      <dgm:prSet presAssocID="{0127764C-7FF4-4FC2-95D4-0D8175CFAEB8}" presName="parTx" presStyleLbl="revTx" presStyleIdx="0" presStyleCnt="2">
        <dgm:presLayoutVars>
          <dgm:chMax val="0"/>
          <dgm:chPref val="0"/>
        </dgm:presLayoutVars>
      </dgm:prSet>
      <dgm:spPr/>
    </dgm:pt>
    <dgm:pt modelId="{CEFA9026-9C1A-4EE5-9F97-A94E7CA22374}" type="pres">
      <dgm:prSet presAssocID="{8B72EE24-894D-47DB-A181-4BC3C0EBF414}" presName="sibTrans" presStyleCnt="0"/>
      <dgm:spPr/>
    </dgm:pt>
    <dgm:pt modelId="{07199250-3D9F-41A7-976C-B7361449DF38}" type="pres">
      <dgm:prSet presAssocID="{D6BDADFE-ED2C-4A8F-8FCC-CA704CB2A3F0}" presName="compNode" presStyleCnt="0"/>
      <dgm:spPr/>
    </dgm:pt>
    <dgm:pt modelId="{9ADF8B13-1642-4273-B544-C4349E681BCD}" type="pres">
      <dgm:prSet presAssocID="{D6BDADFE-ED2C-4A8F-8FCC-CA704CB2A3F0}" presName="bgRect" presStyleLbl="bgShp" presStyleIdx="1" presStyleCnt="2"/>
      <dgm:spPr/>
    </dgm:pt>
    <dgm:pt modelId="{44249792-DB5A-4AC4-BDD3-C55C510B0CAE}" type="pres">
      <dgm:prSet presAssocID="{D6BDADFE-ED2C-4A8F-8FCC-CA704CB2A3F0}" presName="iconRect" presStyleLbl="node1" presStyleIdx="1" presStyleCnt="2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Processor"/>
        </a:ext>
      </dgm:extLst>
    </dgm:pt>
    <dgm:pt modelId="{5E62C2CC-E35E-4FDC-853F-309C8803AB0C}" type="pres">
      <dgm:prSet presAssocID="{D6BDADFE-ED2C-4A8F-8FCC-CA704CB2A3F0}" presName="spaceRect" presStyleCnt="0"/>
      <dgm:spPr/>
    </dgm:pt>
    <dgm:pt modelId="{64FC13BF-5D7F-46DB-8679-0F6B3573B99B}" type="pres">
      <dgm:prSet presAssocID="{D6BDADFE-ED2C-4A8F-8FCC-CA704CB2A3F0}" presName="parTx" presStyleLbl="revTx" presStyleIdx="1" presStyleCnt="2">
        <dgm:presLayoutVars>
          <dgm:chMax val="0"/>
          <dgm:chPref val="0"/>
        </dgm:presLayoutVars>
      </dgm:prSet>
      <dgm:spPr/>
    </dgm:pt>
  </dgm:ptLst>
  <dgm:cxnLst>
    <dgm:cxn modelId="{4A9B2C32-F508-4C37-A530-97F626735B8B}" type="presOf" srcId="{D6BDADFE-ED2C-4A8F-8FCC-CA704CB2A3F0}" destId="{64FC13BF-5D7F-46DB-8679-0F6B3573B99B}" srcOrd="0" destOrd="0" presId="urn:microsoft.com/office/officeart/2018/2/layout/IconVerticalSolidList"/>
    <dgm:cxn modelId="{9174728A-7F11-4D50-A81E-B8C18886CBA2}" type="presOf" srcId="{0127764C-7FF4-4FC2-95D4-0D8175CFAEB8}" destId="{472F4B2E-846F-4EC1-83D7-9B9AF68BEA6F}" srcOrd="0" destOrd="0" presId="urn:microsoft.com/office/officeart/2018/2/layout/IconVerticalSolidList"/>
    <dgm:cxn modelId="{D69B0CC3-E5DC-4E01-80BD-C847C8206FC0}" type="presOf" srcId="{5FCA50CA-EF0B-4E09-943B-3D198F096A57}" destId="{3B9839F8-F56F-404C-A454-FD1E3DB7FD72}" srcOrd="0" destOrd="0" presId="urn:microsoft.com/office/officeart/2018/2/layout/IconVerticalSolidList"/>
    <dgm:cxn modelId="{BF090EC4-55E6-4CE7-841B-64D13AA3504D}" srcId="{5FCA50CA-EF0B-4E09-943B-3D198F096A57}" destId="{0127764C-7FF4-4FC2-95D4-0D8175CFAEB8}" srcOrd="0" destOrd="0" parTransId="{B3DE737F-529F-4016-A640-F090F1C7E0DA}" sibTransId="{8B72EE24-894D-47DB-A181-4BC3C0EBF414}"/>
    <dgm:cxn modelId="{4C4A2CEA-758B-4013-BAB6-81F1B3D58F72}" srcId="{5FCA50CA-EF0B-4E09-943B-3D198F096A57}" destId="{D6BDADFE-ED2C-4A8F-8FCC-CA704CB2A3F0}" srcOrd="1" destOrd="0" parTransId="{2588398F-811D-4217-B776-19276C05C0D4}" sibTransId="{02C99D85-911C-4EF9-AB32-BCB3EE875491}"/>
    <dgm:cxn modelId="{6C664E90-F2D0-474D-B1A9-8D220989FECC}" type="presParOf" srcId="{3B9839F8-F56F-404C-A454-FD1E3DB7FD72}" destId="{662B703E-F5A9-4ACD-8DAA-8B8796639850}" srcOrd="0" destOrd="0" presId="urn:microsoft.com/office/officeart/2018/2/layout/IconVerticalSolidList"/>
    <dgm:cxn modelId="{7171C587-C4B7-4358-ADEE-E7C00D5BFCE0}" type="presParOf" srcId="{662B703E-F5A9-4ACD-8DAA-8B8796639850}" destId="{C630C9A1-2F4C-414F-83FD-CBDB492AAD54}" srcOrd="0" destOrd="0" presId="urn:microsoft.com/office/officeart/2018/2/layout/IconVerticalSolidList"/>
    <dgm:cxn modelId="{87B18B42-3442-4021-BDA6-E02937A6AF42}" type="presParOf" srcId="{662B703E-F5A9-4ACD-8DAA-8B8796639850}" destId="{9D260B85-DD02-4A2D-AA48-1235D011E4BC}" srcOrd="1" destOrd="0" presId="urn:microsoft.com/office/officeart/2018/2/layout/IconVerticalSolidList"/>
    <dgm:cxn modelId="{E22194AC-72FE-412B-923D-FD17D6C8C6DB}" type="presParOf" srcId="{662B703E-F5A9-4ACD-8DAA-8B8796639850}" destId="{EB7D43B4-2B9B-4B6A-AAD3-C89738835D91}" srcOrd="2" destOrd="0" presId="urn:microsoft.com/office/officeart/2018/2/layout/IconVerticalSolidList"/>
    <dgm:cxn modelId="{EABF2C50-B30B-461D-9B8F-F8D40D9F27F1}" type="presParOf" srcId="{662B703E-F5A9-4ACD-8DAA-8B8796639850}" destId="{472F4B2E-846F-4EC1-83D7-9B9AF68BEA6F}" srcOrd="3" destOrd="0" presId="urn:microsoft.com/office/officeart/2018/2/layout/IconVerticalSolidList"/>
    <dgm:cxn modelId="{F100C710-5467-4ACC-826D-3A6A235F2EB9}" type="presParOf" srcId="{3B9839F8-F56F-404C-A454-FD1E3DB7FD72}" destId="{CEFA9026-9C1A-4EE5-9F97-A94E7CA22374}" srcOrd="1" destOrd="0" presId="urn:microsoft.com/office/officeart/2018/2/layout/IconVerticalSolidList"/>
    <dgm:cxn modelId="{06CE49C2-ED48-45F5-B011-1EC5870E170F}" type="presParOf" srcId="{3B9839F8-F56F-404C-A454-FD1E3DB7FD72}" destId="{07199250-3D9F-41A7-976C-B7361449DF38}" srcOrd="2" destOrd="0" presId="urn:microsoft.com/office/officeart/2018/2/layout/IconVerticalSolidList"/>
    <dgm:cxn modelId="{1FDB407C-847B-4D89-9776-594F4F1CAF1C}" type="presParOf" srcId="{07199250-3D9F-41A7-976C-B7361449DF38}" destId="{9ADF8B13-1642-4273-B544-C4349E681BCD}" srcOrd="0" destOrd="0" presId="urn:microsoft.com/office/officeart/2018/2/layout/IconVerticalSolidList"/>
    <dgm:cxn modelId="{CAB6E633-B381-460B-97ED-48548EC2D481}" type="presParOf" srcId="{07199250-3D9F-41A7-976C-B7361449DF38}" destId="{44249792-DB5A-4AC4-BDD3-C55C510B0CAE}" srcOrd="1" destOrd="0" presId="urn:microsoft.com/office/officeart/2018/2/layout/IconVerticalSolidList"/>
    <dgm:cxn modelId="{5EE8A2E9-1C50-4D4B-AD64-8BF8B1821928}" type="presParOf" srcId="{07199250-3D9F-41A7-976C-B7361449DF38}" destId="{5E62C2CC-E35E-4FDC-853F-309C8803AB0C}" srcOrd="2" destOrd="0" presId="urn:microsoft.com/office/officeart/2018/2/layout/IconVerticalSolidList"/>
    <dgm:cxn modelId="{3FFDEFBE-4467-4DD5-9EF5-E9249B743B19}" type="presParOf" srcId="{07199250-3D9F-41A7-976C-B7361449DF38}" destId="{64FC13BF-5D7F-46DB-8679-0F6B3573B99B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121AE1F-B783-45A7-9AAB-69873B3E3C76}" type="doc">
      <dgm:prSet loTypeId="urn:microsoft.com/office/officeart/2018/2/layout/IconVerticalSolidList" loCatId="icon" qsTypeId="urn:microsoft.com/office/officeart/2005/8/quickstyle/simple1" qsCatId="simple" csTypeId="urn:microsoft.com/office/officeart/2018/5/colors/Iconchunking_neutralbg_colorful1" csCatId="colorful" phldr="1"/>
      <dgm:spPr/>
      <dgm:t>
        <a:bodyPr/>
        <a:lstStyle/>
        <a:p>
          <a:endParaRPr lang="en-US"/>
        </a:p>
      </dgm:t>
    </dgm:pt>
    <dgm:pt modelId="{E9F206DA-EF16-4D66-BCC7-566384419746}">
      <dgm:prSet/>
      <dgm:spPr/>
      <dgm:t>
        <a:bodyPr/>
        <a:lstStyle/>
        <a:p>
          <a:pPr>
            <a:lnSpc>
              <a:spcPct val="100000"/>
            </a:lnSpc>
          </a:pPr>
          <a:r>
            <a:rPr lang="da-DK"/>
            <a:t>Hvad gør vi? Hvad er det, der virker?</a:t>
          </a:r>
          <a:endParaRPr lang="en-US"/>
        </a:p>
      </dgm:t>
    </dgm:pt>
    <dgm:pt modelId="{7FE37BFC-AB4D-493B-A40D-411DFB9E28AA}" type="parTrans" cxnId="{FC5A0C17-EA0B-458A-8DD8-7C52B3C8C7A5}">
      <dgm:prSet/>
      <dgm:spPr/>
      <dgm:t>
        <a:bodyPr/>
        <a:lstStyle/>
        <a:p>
          <a:endParaRPr lang="en-US"/>
        </a:p>
      </dgm:t>
    </dgm:pt>
    <dgm:pt modelId="{B0A1916D-39EF-4B84-81F0-DC838BD85A6E}" type="sibTrans" cxnId="{FC5A0C17-EA0B-458A-8DD8-7C52B3C8C7A5}">
      <dgm:prSet/>
      <dgm:spPr/>
      <dgm:t>
        <a:bodyPr/>
        <a:lstStyle/>
        <a:p>
          <a:endParaRPr lang="en-US"/>
        </a:p>
      </dgm:t>
    </dgm:pt>
    <dgm:pt modelId="{0BA07AFB-C19D-4CBB-9C39-5FB3DE8CB34B}">
      <dgm:prSet/>
      <dgm:spPr/>
      <dgm:t>
        <a:bodyPr/>
        <a:lstStyle/>
        <a:p>
          <a:pPr>
            <a:lnSpc>
              <a:spcPct val="100000"/>
            </a:lnSpc>
          </a:pPr>
          <a:r>
            <a:rPr lang="da-DK"/>
            <a:t>Hvad kunne vi gøre? Hvem kunne vi lade os inspirere af? Hvad tror vi det ville føre til?</a:t>
          </a:r>
          <a:endParaRPr lang="en-US"/>
        </a:p>
      </dgm:t>
    </dgm:pt>
    <dgm:pt modelId="{7DC16D14-F776-4765-8903-40CFB7E22F06}" type="parTrans" cxnId="{5FDEEA50-082B-4169-B146-5901449F19A7}">
      <dgm:prSet/>
      <dgm:spPr/>
      <dgm:t>
        <a:bodyPr/>
        <a:lstStyle/>
        <a:p>
          <a:endParaRPr lang="en-US"/>
        </a:p>
      </dgm:t>
    </dgm:pt>
    <dgm:pt modelId="{05AB63D6-1376-455A-A193-579E717F5226}" type="sibTrans" cxnId="{5FDEEA50-082B-4169-B146-5901449F19A7}">
      <dgm:prSet/>
      <dgm:spPr/>
      <dgm:t>
        <a:bodyPr/>
        <a:lstStyle/>
        <a:p>
          <a:endParaRPr lang="en-US"/>
        </a:p>
      </dgm:t>
    </dgm:pt>
    <dgm:pt modelId="{790F60A9-F3A1-4363-AECD-A7B9EDAF0C8E}">
      <dgm:prSet/>
      <dgm:spPr/>
      <dgm:t>
        <a:bodyPr/>
        <a:lstStyle/>
        <a:p>
          <a:pPr>
            <a:lnSpc>
              <a:spcPct val="100000"/>
            </a:lnSpc>
          </a:pPr>
          <a:r>
            <a:rPr lang="da-DK"/>
            <a:t>Hvorfor skulle vi gøre det?</a:t>
          </a:r>
          <a:endParaRPr lang="en-US"/>
        </a:p>
      </dgm:t>
    </dgm:pt>
    <dgm:pt modelId="{C78C7BE6-0E62-4561-9F06-616C7480C4CB}" type="parTrans" cxnId="{7E199359-66D5-4F5F-9D8D-A039491C6C12}">
      <dgm:prSet/>
      <dgm:spPr/>
      <dgm:t>
        <a:bodyPr/>
        <a:lstStyle/>
        <a:p>
          <a:endParaRPr lang="en-US"/>
        </a:p>
      </dgm:t>
    </dgm:pt>
    <dgm:pt modelId="{97DCB66A-8FA7-4580-9671-B329D66D67CF}" type="sibTrans" cxnId="{7E199359-66D5-4F5F-9D8D-A039491C6C12}">
      <dgm:prSet/>
      <dgm:spPr/>
      <dgm:t>
        <a:bodyPr/>
        <a:lstStyle/>
        <a:p>
          <a:endParaRPr lang="en-US"/>
        </a:p>
      </dgm:t>
    </dgm:pt>
    <dgm:pt modelId="{015974BB-60AA-49E7-82A7-85BD2D50F106}">
      <dgm:prSet/>
      <dgm:spPr/>
      <dgm:t>
        <a:bodyPr/>
        <a:lstStyle/>
        <a:p>
          <a:pPr>
            <a:lnSpc>
              <a:spcPct val="100000"/>
            </a:lnSpc>
          </a:pPr>
          <a:r>
            <a:rPr lang="da-DK"/>
            <a:t>Hvad er min rolle her?</a:t>
          </a:r>
          <a:endParaRPr lang="en-US"/>
        </a:p>
      </dgm:t>
    </dgm:pt>
    <dgm:pt modelId="{4B0E9893-3BBB-491F-AF73-3D5F3DD0BAFD}" type="parTrans" cxnId="{D2C975C1-2A9B-4C08-9BEF-B16D6E366422}">
      <dgm:prSet/>
      <dgm:spPr/>
      <dgm:t>
        <a:bodyPr/>
        <a:lstStyle/>
        <a:p>
          <a:endParaRPr lang="en-US"/>
        </a:p>
      </dgm:t>
    </dgm:pt>
    <dgm:pt modelId="{4FD5EF1E-A219-488E-A833-AE243F87A5A8}" type="sibTrans" cxnId="{D2C975C1-2A9B-4C08-9BEF-B16D6E366422}">
      <dgm:prSet/>
      <dgm:spPr/>
      <dgm:t>
        <a:bodyPr/>
        <a:lstStyle/>
        <a:p>
          <a:endParaRPr lang="en-US"/>
        </a:p>
      </dgm:t>
    </dgm:pt>
    <dgm:pt modelId="{F282BDC1-7A22-4809-B3A7-DCA5418CBC75}" type="pres">
      <dgm:prSet presAssocID="{5121AE1F-B783-45A7-9AAB-69873B3E3C76}" presName="root" presStyleCnt="0">
        <dgm:presLayoutVars>
          <dgm:dir/>
          <dgm:resizeHandles val="exact"/>
        </dgm:presLayoutVars>
      </dgm:prSet>
      <dgm:spPr/>
    </dgm:pt>
    <dgm:pt modelId="{C90B4084-1BA4-42F0-95C6-B71A912D4E79}" type="pres">
      <dgm:prSet presAssocID="{E9F206DA-EF16-4D66-BCC7-566384419746}" presName="compNode" presStyleCnt="0"/>
      <dgm:spPr/>
    </dgm:pt>
    <dgm:pt modelId="{7CDFC4E8-2789-4325-B0DF-C15314C1803A}" type="pres">
      <dgm:prSet presAssocID="{E9F206DA-EF16-4D66-BCC7-566384419746}" presName="bgRect" presStyleLbl="bgShp" presStyleIdx="0" presStyleCnt="4"/>
      <dgm:spPr/>
    </dgm:pt>
    <dgm:pt modelId="{AC843050-7EED-4679-86F1-500140B0BEFC}" type="pres">
      <dgm:prSet presAssocID="{E9F206DA-EF16-4D66-BCC7-566384419746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Irritationskilde"/>
        </a:ext>
      </dgm:extLst>
    </dgm:pt>
    <dgm:pt modelId="{806AEC3C-9290-4849-A73C-F9421804BAEE}" type="pres">
      <dgm:prSet presAssocID="{E9F206DA-EF16-4D66-BCC7-566384419746}" presName="spaceRect" presStyleCnt="0"/>
      <dgm:spPr/>
    </dgm:pt>
    <dgm:pt modelId="{7D83C57B-C9A6-40CC-BB8D-E457AB9592A0}" type="pres">
      <dgm:prSet presAssocID="{E9F206DA-EF16-4D66-BCC7-566384419746}" presName="parTx" presStyleLbl="revTx" presStyleIdx="0" presStyleCnt="4">
        <dgm:presLayoutVars>
          <dgm:chMax val="0"/>
          <dgm:chPref val="0"/>
        </dgm:presLayoutVars>
      </dgm:prSet>
      <dgm:spPr/>
    </dgm:pt>
    <dgm:pt modelId="{9C071295-23AF-4217-8940-50448EBC7C2F}" type="pres">
      <dgm:prSet presAssocID="{B0A1916D-39EF-4B84-81F0-DC838BD85A6E}" presName="sibTrans" presStyleCnt="0"/>
      <dgm:spPr/>
    </dgm:pt>
    <dgm:pt modelId="{E6D63FCF-7C3B-4F84-8634-7D013C240591}" type="pres">
      <dgm:prSet presAssocID="{0BA07AFB-C19D-4CBB-9C39-5FB3DE8CB34B}" presName="compNode" presStyleCnt="0"/>
      <dgm:spPr/>
    </dgm:pt>
    <dgm:pt modelId="{FDCF888B-E3B5-4BD9-AC4B-43209F9F37C3}" type="pres">
      <dgm:prSet presAssocID="{0BA07AFB-C19D-4CBB-9C39-5FB3DE8CB34B}" presName="bgRect" presStyleLbl="bgShp" presStyleIdx="1" presStyleCnt="4"/>
      <dgm:spPr/>
    </dgm:pt>
    <dgm:pt modelId="{8935EB8D-74F8-4317-B770-E6C2C65AC969}" type="pres">
      <dgm:prSet presAssocID="{0BA07AFB-C19D-4CBB-9C39-5FB3DE8CB34B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Lade"/>
        </a:ext>
      </dgm:extLst>
    </dgm:pt>
    <dgm:pt modelId="{8BF3324E-1D4D-4AEA-9216-6BF60EE7849D}" type="pres">
      <dgm:prSet presAssocID="{0BA07AFB-C19D-4CBB-9C39-5FB3DE8CB34B}" presName="spaceRect" presStyleCnt="0"/>
      <dgm:spPr/>
    </dgm:pt>
    <dgm:pt modelId="{53D153AC-2336-43C1-B12A-133B29FF4522}" type="pres">
      <dgm:prSet presAssocID="{0BA07AFB-C19D-4CBB-9C39-5FB3DE8CB34B}" presName="parTx" presStyleLbl="revTx" presStyleIdx="1" presStyleCnt="4">
        <dgm:presLayoutVars>
          <dgm:chMax val="0"/>
          <dgm:chPref val="0"/>
        </dgm:presLayoutVars>
      </dgm:prSet>
      <dgm:spPr/>
    </dgm:pt>
    <dgm:pt modelId="{0BBF0F58-033A-4431-86E0-91A06A74895D}" type="pres">
      <dgm:prSet presAssocID="{05AB63D6-1376-455A-A193-579E717F5226}" presName="sibTrans" presStyleCnt="0"/>
      <dgm:spPr/>
    </dgm:pt>
    <dgm:pt modelId="{99A31717-0F04-4D34-B3F1-998B3EFF9D64}" type="pres">
      <dgm:prSet presAssocID="{790F60A9-F3A1-4363-AECD-A7B9EDAF0C8E}" presName="compNode" presStyleCnt="0"/>
      <dgm:spPr/>
    </dgm:pt>
    <dgm:pt modelId="{25EF3F52-39C9-4FC1-923D-8070D95D07A9}" type="pres">
      <dgm:prSet presAssocID="{790F60A9-F3A1-4363-AECD-A7B9EDAF0C8E}" presName="bgRect" presStyleLbl="bgShp" presStyleIdx="2" presStyleCnt="4"/>
      <dgm:spPr/>
    </dgm:pt>
    <dgm:pt modelId="{6C651E0C-38A9-4382-88B0-235D9C950205}" type="pres">
      <dgm:prSet presAssocID="{790F60A9-F3A1-4363-AECD-A7B9EDAF0C8E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Question mark"/>
        </a:ext>
      </dgm:extLst>
    </dgm:pt>
    <dgm:pt modelId="{A3FD3026-5CC1-4C37-8DE6-279F7980894A}" type="pres">
      <dgm:prSet presAssocID="{790F60A9-F3A1-4363-AECD-A7B9EDAF0C8E}" presName="spaceRect" presStyleCnt="0"/>
      <dgm:spPr/>
    </dgm:pt>
    <dgm:pt modelId="{76262661-0CC2-4B8E-A044-F167E3561D13}" type="pres">
      <dgm:prSet presAssocID="{790F60A9-F3A1-4363-AECD-A7B9EDAF0C8E}" presName="parTx" presStyleLbl="revTx" presStyleIdx="2" presStyleCnt="4">
        <dgm:presLayoutVars>
          <dgm:chMax val="0"/>
          <dgm:chPref val="0"/>
        </dgm:presLayoutVars>
      </dgm:prSet>
      <dgm:spPr/>
    </dgm:pt>
    <dgm:pt modelId="{A2F2956F-6F96-4D54-A8E5-5FB5C812359B}" type="pres">
      <dgm:prSet presAssocID="{97DCB66A-8FA7-4580-9671-B329D66D67CF}" presName="sibTrans" presStyleCnt="0"/>
      <dgm:spPr/>
    </dgm:pt>
    <dgm:pt modelId="{44E48DB9-6508-4A9C-A72D-6759BBFBFE79}" type="pres">
      <dgm:prSet presAssocID="{015974BB-60AA-49E7-82A7-85BD2D50F106}" presName="compNode" presStyleCnt="0"/>
      <dgm:spPr/>
    </dgm:pt>
    <dgm:pt modelId="{8EBB6E8F-631A-4245-A092-7C764F97B5A3}" type="pres">
      <dgm:prSet presAssocID="{015974BB-60AA-49E7-82A7-85BD2D50F106}" presName="bgRect" presStyleLbl="bgShp" presStyleIdx="3" presStyleCnt="4"/>
      <dgm:spPr/>
    </dgm:pt>
    <dgm:pt modelId="{58F15942-2AB1-4156-BB7B-A01E23FB3617}" type="pres">
      <dgm:prSet presAssocID="{015974BB-60AA-49E7-82A7-85BD2D50F106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vejser"/>
        </a:ext>
      </dgm:extLst>
    </dgm:pt>
    <dgm:pt modelId="{42D5D70B-C46F-42C5-82E4-DD6F9B1BC016}" type="pres">
      <dgm:prSet presAssocID="{015974BB-60AA-49E7-82A7-85BD2D50F106}" presName="spaceRect" presStyleCnt="0"/>
      <dgm:spPr/>
    </dgm:pt>
    <dgm:pt modelId="{E010F698-E22D-4301-9971-54264F2E453A}" type="pres">
      <dgm:prSet presAssocID="{015974BB-60AA-49E7-82A7-85BD2D50F106}" presName="parTx" presStyleLbl="revTx" presStyleIdx="3" presStyleCnt="4">
        <dgm:presLayoutVars>
          <dgm:chMax val="0"/>
          <dgm:chPref val="0"/>
        </dgm:presLayoutVars>
      </dgm:prSet>
      <dgm:spPr/>
    </dgm:pt>
  </dgm:ptLst>
  <dgm:cxnLst>
    <dgm:cxn modelId="{FC5A0C17-EA0B-458A-8DD8-7C52B3C8C7A5}" srcId="{5121AE1F-B783-45A7-9AAB-69873B3E3C76}" destId="{E9F206DA-EF16-4D66-BCC7-566384419746}" srcOrd="0" destOrd="0" parTransId="{7FE37BFC-AB4D-493B-A40D-411DFB9E28AA}" sibTransId="{B0A1916D-39EF-4B84-81F0-DC838BD85A6E}"/>
    <dgm:cxn modelId="{B33B871A-1E60-423C-B702-0AABBB04EBA8}" type="presOf" srcId="{0BA07AFB-C19D-4CBB-9C39-5FB3DE8CB34B}" destId="{53D153AC-2336-43C1-B12A-133B29FF4522}" srcOrd="0" destOrd="0" presId="urn:microsoft.com/office/officeart/2018/2/layout/IconVerticalSolidList"/>
    <dgm:cxn modelId="{D27DEF2F-7E17-4057-A54B-E8258FB842BD}" type="presOf" srcId="{E9F206DA-EF16-4D66-BCC7-566384419746}" destId="{7D83C57B-C9A6-40CC-BB8D-E457AB9592A0}" srcOrd="0" destOrd="0" presId="urn:microsoft.com/office/officeart/2018/2/layout/IconVerticalSolidList"/>
    <dgm:cxn modelId="{DD108943-2B61-4B80-96CC-CC78AE0535C4}" type="presOf" srcId="{790F60A9-F3A1-4363-AECD-A7B9EDAF0C8E}" destId="{76262661-0CC2-4B8E-A044-F167E3561D13}" srcOrd="0" destOrd="0" presId="urn:microsoft.com/office/officeart/2018/2/layout/IconVerticalSolidList"/>
    <dgm:cxn modelId="{5FDEEA50-082B-4169-B146-5901449F19A7}" srcId="{5121AE1F-B783-45A7-9AAB-69873B3E3C76}" destId="{0BA07AFB-C19D-4CBB-9C39-5FB3DE8CB34B}" srcOrd="1" destOrd="0" parTransId="{7DC16D14-F776-4765-8903-40CFB7E22F06}" sibTransId="{05AB63D6-1376-455A-A193-579E717F5226}"/>
    <dgm:cxn modelId="{7E199359-66D5-4F5F-9D8D-A039491C6C12}" srcId="{5121AE1F-B783-45A7-9AAB-69873B3E3C76}" destId="{790F60A9-F3A1-4363-AECD-A7B9EDAF0C8E}" srcOrd="2" destOrd="0" parTransId="{C78C7BE6-0E62-4561-9F06-616C7480C4CB}" sibTransId="{97DCB66A-8FA7-4580-9671-B329D66D67CF}"/>
    <dgm:cxn modelId="{D2C975C1-2A9B-4C08-9BEF-B16D6E366422}" srcId="{5121AE1F-B783-45A7-9AAB-69873B3E3C76}" destId="{015974BB-60AA-49E7-82A7-85BD2D50F106}" srcOrd="3" destOrd="0" parTransId="{4B0E9893-3BBB-491F-AF73-3D5F3DD0BAFD}" sibTransId="{4FD5EF1E-A219-488E-A833-AE243F87A5A8}"/>
    <dgm:cxn modelId="{2CCE8FD6-E7CB-4FB8-880A-2EF9C10106DA}" type="presOf" srcId="{015974BB-60AA-49E7-82A7-85BD2D50F106}" destId="{E010F698-E22D-4301-9971-54264F2E453A}" srcOrd="0" destOrd="0" presId="urn:microsoft.com/office/officeart/2018/2/layout/IconVerticalSolidList"/>
    <dgm:cxn modelId="{EE9F58E7-B482-44F5-AD86-67AD6F1D20C1}" type="presOf" srcId="{5121AE1F-B783-45A7-9AAB-69873B3E3C76}" destId="{F282BDC1-7A22-4809-B3A7-DCA5418CBC75}" srcOrd="0" destOrd="0" presId="urn:microsoft.com/office/officeart/2018/2/layout/IconVerticalSolidList"/>
    <dgm:cxn modelId="{4688FE26-5AAE-4D42-AA62-A866582E8DCC}" type="presParOf" srcId="{F282BDC1-7A22-4809-B3A7-DCA5418CBC75}" destId="{C90B4084-1BA4-42F0-95C6-B71A912D4E79}" srcOrd="0" destOrd="0" presId="urn:microsoft.com/office/officeart/2018/2/layout/IconVerticalSolidList"/>
    <dgm:cxn modelId="{E6689312-1147-45C8-BD24-9B8B90AE2421}" type="presParOf" srcId="{C90B4084-1BA4-42F0-95C6-B71A912D4E79}" destId="{7CDFC4E8-2789-4325-B0DF-C15314C1803A}" srcOrd="0" destOrd="0" presId="urn:microsoft.com/office/officeart/2018/2/layout/IconVerticalSolidList"/>
    <dgm:cxn modelId="{4DDA513D-4324-4155-AAE9-049E2BFF9E99}" type="presParOf" srcId="{C90B4084-1BA4-42F0-95C6-B71A912D4E79}" destId="{AC843050-7EED-4679-86F1-500140B0BEFC}" srcOrd="1" destOrd="0" presId="urn:microsoft.com/office/officeart/2018/2/layout/IconVerticalSolidList"/>
    <dgm:cxn modelId="{8B5731A2-813D-4881-8C43-E424BB924520}" type="presParOf" srcId="{C90B4084-1BA4-42F0-95C6-B71A912D4E79}" destId="{806AEC3C-9290-4849-A73C-F9421804BAEE}" srcOrd="2" destOrd="0" presId="urn:microsoft.com/office/officeart/2018/2/layout/IconVerticalSolidList"/>
    <dgm:cxn modelId="{FE962FDD-986A-43C2-AE37-788A64FA8551}" type="presParOf" srcId="{C90B4084-1BA4-42F0-95C6-B71A912D4E79}" destId="{7D83C57B-C9A6-40CC-BB8D-E457AB9592A0}" srcOrd="3" destOrd="0" presId="urn:microsoft.com/office/officeart/2018/2/layout/IconVerticalSolidList"/>
    <dgm:cxn modelId="{EA3B8BBA-28E3-42C0-9B45-10FD90B58473}" type="presParOf" srcId="{F282BDC1-7A22-4809-B3A7-DCA5418CBC75}" destId="{9C071295-23AF-4217-8940-50448EBC7C2F}" srcOrd="1" destOrd="0" presId="urn:microsoft.com/office/officeart/2018/2/layout/IconVerticalSolidList"/>
    <dgm:cxn modelId="{2CEFF887-8A01-4B30-B649-7E3E91398C77}" type="presParOf" srcId="{F282BDC1-7A22-4809-B3A7-DCA5418CBC75}" destId="{E6D63FCF-7C3B-4F84-8634-7D013C240591}" srcOrd="2" destOrd="0" presId="urn:microsoft.com/office/officeart/2018/2/layout/IconVerticalSolidList"/>
    <dgm:cxn modelId="{0DE73053-1AA5-4409-AEB0-FD3241951D12}" type="presParOf" srcId="{E6D63FCF-7C3B-4F84-8634-7D013C240591}" destId="{FDCF888B-E3B5-4BD9-AC4B-43209F9F37C3}" srcOrd="0" destOrd="0" presId="urn:microsoft.com/office/officeart/2018/2/layout/IconVerticalSolidList"/>
    <dgm:cxn modelId="{4DD1DC5C-6C87-4229-A7BB-BECE94D6C34D}" type="presParOf" srcId="{E6D63FCF-7C3B-4F84-8634-7D013C240591}" destId="{8935EB8D-74F8-4317-B770-E6C2C65AC969}" srcOrd="1" destOrd="0" presId="urn:microsoft.com/office/officeart/2018/2/layout/IconVerticalSolidList"/>
    <dgm:cxn modelId="{AE54D16B-5070-4EDF-A5E1-EA4A2189138E}" type="presParOf" srcId="{E6D63FCF-7C3B-4F84-8634-7D013C240591}" destId="{8BF3324E-1D4D-4AEA-9216-6BF60EE7849D}" srcOrd="2" destOrd="0" presId="urn:microsoft.com/office/officeart/2018/2/layout/IconVerticalSolidList"/>
    <dgm:cxn modelId="{0D4CB946-C390-4CCB-92B3-FC211A86F0E8}" type="presParOf" srcId="{E6D63FCF-7C3B-4F84-8634-7D013C240591}" destId="{53D153AC-2336-43C1-B12A-133B29FF4522}" srcOrd="3" destOrd="0" presId="urn:microsoft.com/office/officeart/2018/2/layout/IconVerticalSolidList"/>
    <dgm:cxn modelId="{D897FAF2-980B-4EEE-87BA-13F1892E42EC}" type="presParOf" srcId="{F282BDC1-7A22-4809-B3A7-DCA5418CBC75}" destId="{0BBF0F58-033A-4431-86E0-91A06A74895D}" srcOrd="3" destOrd="0" presId="urn:microsoft.com/office/officeart/2018/2/layout/IconVerticalSolidList"/>
    <dgm:cxn modelId="{2DA7AC48-4E64-4271-8071-9E83DC7B3BD5}" type="presParOf" srcId="{F282BDC1-7A22-4809-B3A7-DCA5418CBC75}" destId="{99A31717-0F04-4D34-B3F1-998B3EFF9D64}" srcOrd="4" destOrd="0" presId="urn:microsoft.com/office/officeart/2018/2/layout/IconVerticalSolidList"/>
    <dgm:cxn modelId="{F53D8A46-334B-4FA4-80F6-81361B55A3BD}" type="presParOf" srcId="{99A31717-0F04-4D34-B3F1-998B3EFF9D64}" destId="{25EF3F52-39C9-4FC1-923D-8070D95D07A9}" srcOrd="0" destOrd="0" presId="urn:microsoft.com/office/officeart/2018/2/layout/IconVerticalSolidList"/>
    <dgm:cxn modelId="{1A30D9BD-52E2-4E80-A1D3-246B6A167878}" type="presParOf" srcId="{99A31717-0F04-4D34-B3F1-998B3EFF9D64}" destId="{6C651E0C-38A9-4382-88B0-235D9C950205}" srcOrd="1" destOrd="0" presId="urn:microsoft.com/office/officeart/2018/2/layout/IconVerticalSolidList"/>
    <dgm:cxn modelId="{A6C78274-DD51-45B6-B3AC-B3982F3E9C45}" type="presParOf" srcId="{99A31717-0F04-4D34-B3F1-998B3EFF9D64}" destId="{A3FD3026-5CC1-4C37-8DE6-279F7980894A}" srcOrd="2" destOrd="0" presId="urn:microsoft.com/office/officeart/2018/2/layout/IconVerticalSolidList"/>
    <dgm:cxn modelId="{31BF23D4-497E-4115-B2E2-7AD6A5242645}" type="presParOf" srcId="{99A31717-0F04-4D34-B3F1-998B3EFF9D64}" destId="{76262661-0CC2-4B8E-A044-F167E3561D13}" srcOrd="3" destOrd="0" presId="urn:microsoft.com/office/officeart/2018/2/layout/IconVerticalSolidList"/>
    <dgm:cxn modelId="{A1C9E224-DC6B-4B61-A4FA-8B9155104BB0}" type="presParOf" srcId="{F282BDC1-7A22-4809-B3A7-DCA5418CBC75}" destId="{A2F2956F-6F96-4D54-A8E5-5FB5C812359B}" srcOrd="5" destOrd="0" presId="urn:microsoft.com/office/officeart/2018/2/layout/IconVerticalSolidList"/>
    <dgm:cxn modelId="{792C0E19-D15D-4C4F-8941-CB01D5BF6D24}" type="presParOf" srcId="{F282BDC1-7A22-4809-B3A7-DCA5418CBC75}" destId="{44E48DB9-6508-4A9C-A72D-6759BBFBFE79}" srcOrd="6" destOrd="0" presId="urn:microsoft.com/office/officeart/2018/2/layout/IconVerticalSolidList"/>
    <dgm:cxn modelId="{3C767CD6-A7AD-44BA-BD71-20BA836FE67D}" type="presParOf" srcId="{44E48DB9-6508-4A9C-A72D-6759BBFBFE79}" destId="{8EBB6E8F-631A-4245-A092-7C764F97B5A3}" srcOrd="0" destOrd="0" presId="urn:microsoft.com/office/officeart/2018/2/layout/IconVerticalSolidList"/>
    <dgm:cxn modelId="{F97E5C66-4A59-47C3-B1B9-3B57C8F81EAD}" type="presParOf" srcId="{44E48DB9-6508-4A9C-A72D-6759BBFBFE79}" destId="{58F15942-2AB1-4156-BB7B-A01E23FB3617}" srcOrd="1" destOrd="0" presId="urn:microsoft.com/office/officeart/2018/2/layout/IconVerticalSolidList"/>
    <dgm:cxn modelId="{FB45E289-4CEC-403A-93C6-92C93B9E9E04}" type="presParOf" srcId="{44E48DB9-6508-4A9C-A72D-6759BBFBFE79}" destId="{42D5D70B-C46F-42C5-82E4-DD6F9B1BC016}" srcOrd="2" destOrd="0" presId="urn:microsoft.com/office/officeart/2018/2/layout/IconVerticalSolidList"/>
    <dgm:cxn modelId="{258125B2-07FC-405A-9F35-EE0C45ED58EB}" type="presParOf" srcId="{44E48DB9-6508-4A9C-A72D-6759BBFBFE79}" destId="{E010F698-E22D-4301-9971-54264F2E453A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5121AE1F-B783-45A7-9AAB-69873B3E3C76}" type="doc">
      <dgm:prSet loTypeId="urn:microsoft.com/office/officeart/2008/layout/LinedList" loCatId="list" qsTypeId="urn:microsoft.com/office/officeart/2005/8/quickstyle/simple2" qsCatId="simple" csTypeId="urn:microsoft.com/office/officeart/2005/8/colors/accent5_2" csCatId="accent5" phldr="1"/>
      <dgm:spPr/>
      <dgm:t>
        <a:bodyPr/>
        <a:lstStyle/>
        <a:p>
          <a:endParaRPr lang="en-US"/>
        </a:p>
      </dgm:t>
    </dgm:pt>
    <dgm:pt modelId="{E9F206DA-EF16-4D66-BCC7-566384419746}">
      <dgm:prSet/>
      <dgm:spPr/>
      <dgm:t>
        <a:bodyPr/>
        <a:lstStyle/>
        <a:p>
          <a:r>
            <a:rPr lang="da-DK" dirty="0"/>
            <a:t>Vi har selvfølgelig brug for faglighed</a:t>
          </a:r>
          <a:endParaRPr lang="en-US" dirty="0"/>
        </a:p>
      </dgm:t>
    </dgm:pt>
    <dgm:pt modelId="{7FE37BFC-AB4D-493B-A40D-411DFB9E28AA}" type="parTrans" cxnId="{FC5A0C17-EA0B-458A-8DD8-7C52B3C8C7A5}">
      <dgm:prSet/>
      <dgm:spPr/>
      <dgm:t>
        <a:bodyPr/>
        <a:lstStyle/>
        <a:p>
          <a:endParaRPr lang="en-US"/>
        </a:p>
      </dgm:t>
    </dgm:pt>
    <dgm:pt modelId="{B0A1916D-39EF-4B84-81F0-DC838BD85A6E}" type="sibTrans" cxnId="{FC5A0C17-EA0B-458A-8DD8-7C52B3C8C7A5}">
      <dgm:prSet phldrT="01"/>
      <dgm:spPr/>
      <dgm:t>
        <a:bodyPr/>
        <a:lstStyle/>
        <a:p>
          <a:endParaRPr lang="en-US"/>
        </a:p>
      </dgm:t>
    </dgm:pt>
    <dgm:pt modelId="{0BA07AFB-C19D-4CBB-9C39-5FB3DE8CB34B}">
      <dgm:prSet/>
      <dgm:spPr/>
      <dgm:t>
        <a:bodyPr/>
        <a:lstStyle/>
        <a:p>
          <a:r>
            <a:rPr lang="da-DK" dirty="0"/>
            <a:t>Også den pædagogiske faglighed</a:t>
          </a:r>
          <a:endParaRPr lang="en-US" dirty="0"/>
        </a:p>
      </dgm:t>
    </dgm:pt>
    <dgm:pt modelId="{7DC16D14-F776-4765-8903-40CFB7E22F06}" type="parTrans" cxnId="{5FDEEA50-082B-4169-B146-5901449F19A7}">
      <dgm:prSet/>
      <dgm:spPr/>
      <dgm:t>
        <a:bodyPr/>
        <a:lstStyle/>
        <a:p>
          <a:endParaRPr lang="en-US"/>
        </a:p>
      </dgm:t>
    </dgm:pt>
    <dgm:pt modelId="{05AB63D6-1376-455A-A193-579E717F5226}" type="sibTrans" cxnId="{5FDEEA50-082B-4169-B146-5901449F19A7}">
      <dgm:prSet phldrT="02"/>
      <dgm:spPr/>
      <dgm:t>
        <a:bodyPr/>
        <a:lstStyle/>
        <a:p>
          <a:endParaRPr lang="en-US"/>
        </a:p>
      </dgm:t>
    </dgm:pt>
    <dgm:pt modelId="{015974BB-60AA-49E7-82A7-85BD2D50F106}">
      <dgm:prSet/>
      <dgm:spPr/>
      <dgm:t>
        <a:bodyPr/>
        <a:lstStyle/>
        <a:p>
          <a:r>
            <a:rPr lang="da-DK" dirty="0"/>
            <a:t>MED DIDAKTISK FANTASI</a:t>
          </a:r>
          <a:endParaRPr lang="en-US" dirty="0"/>
        </a:p>
      </dgm:t>
    </dgm:pt>
    <dgm:pt modelId="{4B0E9893-3BBB-491F-AF73-3D5F3DD0BAFD}" type="parTrans" cxnId="{D2C975C1-2A9B-4C08-9BEF-B16D6E366422}">
      <dgm:prSet/>
      <dgm:spPr/>
      <dgm:t>
        <a:bodyPr/>
        <a:lstStyle/>
        <a:p>
          <a:endParaRPr lang="en-US"/>
        </a:p>
      </dgm:t>
    </dgm:pt>
    <dgm:pt modelId="{4FD5EF1E-A219-488E-A833-AE243F87A5A8}" type="sibTrans" cxnId="{D2C975C1-2A9B-4C08-9BEF-B16D6E366422}">
      <dgm:prSet phldrT="04"/>
      <dgm:spPr/>
      <dgm:t>
        <a:bodyPr/>
        <a:lstStyle/>
        <a:p>
          <a:endParaRPr lang="en-US"/>
        </a:p>
      </dgm:t>
    </dgm:pt>
    <dgm:pt modelId="{790F60A9-F3A1-4363-AECD-A7B9EDAF0C8E}">
      <dgm:prSet/>
      <dgm:spPr/>
      <dgm:t>
        <a:bodyPr/>
        <a:lstStyle/>
        <a:p>
          <a:r>
            <a:rPr lang="da-DK" dirty="0"/>
            <a:t>Altså sådan at vi kan skabe gode didaktiske design</a:t>
          </a:r>
          <a:endParaRPr lang="en-US" dirty="0"/>
        </a:p>
      </dgm:t>
    </dgm:pt>
    <dgm:pt modelId="{97DCB66A-8FA7-4580-9671-B329D66D67CF}" type="sibTrans" cxnId="{7E199359-66D5-4F5F-9D8D-A039491C6C12}">
      <dgm:prSet phldrT="03"/>
      <dgm:spPr/>
      <dgm:t>
        <a:bodyPr/>
        <a:lstStyle/>
        <a:p>
          <a:endParaRPr lang="en-US"/>
        </a:p>
      </dgm:t>
    </dgm:pt>
    <dgm:pt modelId="{C78C7BE6-0E62-4561-9F06-616C7480C4CB}" type="parTrans" cxnId="{7E199359-66D5-4F5F-9D8D-A039491C6C12}">
      <dgm:prSet/>
      <dgm:spPr/>
      <dgm:t>
        <a:bodyPr/>
        <a:lstStyle/>
        <a:p>
          <a:endParaRPr lang="en-US"/>
        </a:p>
      </dgm:t>
    </dgm:pt>
    <dgm:pt modelId="{5353C186-30D1-401F-A607-C4BFF38A9BFF}" type="pres">
      <dgm:prSet presAssocID="{5121AE1F-B783-45A7-9AAB-69873B3E3C76}" presName="vert0" presStyleCnt="0">
        <dgm:presLayoutVars>
          <dgm:dir/>
          <dgm:animOne val="branch"/>
          <dgm:animLvl val="lvl"/>
        </dgm:presLayoutVars>
      </dgm:prSet>
      <dgm:spPr/>
    </dgm:pt>
    <dgm:pt modelId="{3F99D479-9C8D-4984-9301-3E0E3137D230}" type="pres">
      <dgm:prSet presAssocID="{E9F206DA-EF16-4D66-BCC7-566384419746}" presName="thickLine" presStyleLbl="alignNode1" presStyleIdx="0" presStyleCnt="4"/>
      <dgm:spPr/>
    </dgm:pt>
    <dgm:pt modelId="{4D18DA94-C236-4434-AA69-39F272C2360A}" type="pres">
      <dgm:prSet presAssocID="{E9F206DA-EF16-4D66-BCC7-566384419746}" presName="horz1" presStyleCnt="0"/>
      <dgm:spPr/>
    </dgm:pt>
    <dgm:pt modelId="{B9756F10-5C06-4C76-9AAE-3149E01EF85E}" type="pres">
      <dgm:prSet presAssocID="{E9F206DA-EF16-4D66-BCC7-566384419746}" presName="tx1" presStyleLbl="revTx" presStyleIdx="0" presStyleCnt="4"/>
      <dgm:spPr/>
    </dgm:pt>
    <dgm:pt modelId="{138BC650-9FE7-4B16-BE63-A6EF796ABF03}" type="pres">
      <dgm:prSet presAssocID="{E9F206DA-EF16-4D66-BCC7-566384419746}" presName="vert1" presStyleCnt="0"/>
      <dgm:spPr/>
    </dgm:pt>
    <dgm:pt modelId="{60289C01-BA1B-4467-B457-87579C83DC6F}" type="pres">
      <dgm:prSet presAssocID="{0BA07AFB-C19D-4CBB-9C39-5FB3DE8CB34B}" presName="thickLine" presStyleLbl="alignNode1" presStyleIdx="1" presStyleCnt="4"/>
      <dgm:spPr/>
    </dgm:pt>
    <dgm:pt modelId="{2A647AA3-C423-45AB-AF23-F5755B281744}" type="pres">
      <dgm:prSet presAssocID="{0BA07AFB-C19D-4CBB-9C39-5FB3DE8CB34B}" presName="horz1" presStyleCnt="0"/>
      <dgm:spPr/>
    </dgm:pt>
    <dgm:pt modelId="{6BB7B188-0C9F-4B26-9933-42DD4B433058}" type="pres">
      <dgm:prSet presAssocID="{0BA07AFB-C19D-4CBB-9C39-5FB3DE8CB34B}" presName="tx1" presStyleLbl="revTx" presStyleIdx="1" presStyleCnt="4"/>
      <dgm:spPr/>
    </dgm:pt>
    <dgm:pt modelId="{E0CDCE21-6BF0-4AC6-9AC5-463F63A94031}" type="pres">
      <dgm:prSet presAssocID="{0BA07AFB-C19D-4CBB-9C39-5FB3DE8CB34B}" presName="vert1" presStyleCnt="0"/>
      <dgm:spPr/>
    </dgm:pt>
    <dgm:pt modelId="{FDB3B3EE-7082-4EE5-9ECA-AEA4F18EC799}" type="pres">
      <dgm:prSet presAssocID="{790F60A9-F3A1-4363-AECD-A7B9EDAF0C8E}" presName="thickLine" presStyleLbl="alignNode1" presStyleIdx="2" presStyleCnt="4"/>
      <dgm:spPr/>
    </dgm:pt>
    <dgm:pt modelId="{F484550E-27FD-4E40-AB23-690D551C767C}" type="pres">
      <dgm:prSet presAssocID="{790F60A9-F3A1-4363-AECD-A7B9EDAF0C8E}" presName="horz1" presStyleCnt="0"/>
      <dgm:spPr/>
    </dgm:pt>
    <dgm:pt modelId="{BB8EEB32-E25B-4523-8257-301D5BCF4562}" type="pres">
      <dgm:prSet presAssocID="{790F60A9-F3A1-4363-AECD-A7B9EDAF0C8E}" presName="tx1" presStyleLbl="revTx" presStyleIdx="2" presStyleCnt="4"/>
      <dgm:spPr/>
    </dgm:pt>
    <dgm:pt modelId="{D6A42F99-4334-466D-844C-0CD4E7E08E9F}" type="pres">
      <dgm:prSet presAssocID="{790F60A9-F3A1-4363-AECD-A7B9EDAF0C8E}" presName="vert1" presStyleCnt="0"/>
      <dgm:spPr/>
    </dgm:pt>
    <dgm:pt modelId="{185CDC6D-15C1-4479-A518-4B9D94CF7019}" type="pres">
      <dgm:prSet presAssocID="{015974BB-60AA-49E7-82A7-85BD2D50F106}" presName="thickLine" presStyleLbl="alignNode1" presStyleIdx="3" presStyleCnt="4"/>
      <dgm:spPr/>
    </dgm:pt>
    <dgm:pt modelId="{B37E09A9-9D67-451D-BF59-F73B997985B8}" type="pres">
      <dgm:prSet presAssocID="{015974BB-60AA-49E7-82A7-85BD2D50F106}" presName="horz1" presStyleCnt="0"/>
      <dgm:spPr/>
    </dgm:pt>
    <dgm:pt modelId="{4331ED10-285F-47E5-9010-738D02D46FBD}" type="pres">
      <dgm:prSet presAssocID="{015974BB-60AA-49E7-82A7-85BD2D50F106}" presName="tx1" presStyleLbl="revTx" presStyleIdx="3" presStyleCnt="4"/>
      <dgm:spPr/>
    </dgm:pt>
    <dgm:pt modelId="{2857C370-B312-461C-BBDF-FEC01651C3C3}" type="pres">
      <dgm:prSet presAssocID="{015974BB-60AA-49E7-82A7-85BD2D50F106}" presName="vert1" presStyleCnt="0"/>
      <dgm:spPr/>
    </dgm:pt>
  </dgm:ptLst>
  <dgm:cxnLst>
    <dgm:cxn modelId="{FC5A0C17-EA0B-458A-8DD8-7C52B3C8C7A5}" srcId="{5121AE1F-B783-45A7-9AAB-69873B3E3C76}" destId="{E9F206DA-EF16-4D66-BCC7-566384419746}" srcOrd="0" destOrd="0" parTransId="{7FE37BFC-AB4D-493B-A40D-411DFB9E28AA}" sibTransId="{B0A1916D-39EF-4B84-81F0-DC838BD85A6E}"/>
    <dgm:cxn modelId="{996FCF2E-DEF9-4C22-B0F1-59B0C309D08D}" type="presOf" srcId="{5121AE1F-B783-45A7-9AAB-69873B3E3C76}" destId="{5353C186-30D1-401F-A607-C4BFF38A9BFF}" srcOrd="0" destOrd="0" presId="urn:microsoft.com/office/officeart/2008/layout/LinedList"/>
    <dgm:cxn modelId="{028EF15B-476D-4CCF-ABD4-C6AAB9B4B4F6}" type="presOf" srcId="{015974BB-60AA-49E7-82A7-85BD2D50F106}" destId="{4331ED10-285F-47E5-9010-738D02D46FBD}" srcOrd="0" destOrd="0" presId="urn:microsoft.com/office/officeart/2008/layout/LinedList"/>
    <dgm:cxn modelId="{4991A75E-5839-4D23-993C-BE3E9B2A4B92}" type="presOf" srcId="{E9F206DA-EF16-4D66-BCC7-566384419746}" destId="{B9756F10-5C06-4C76-9AAE-3149E01EF85E}" srcOrd="0" destOrd="0" presId="urn:microsoft.com/office/officeart/2008/layout/LinedList"/>
    <dgm:cxn modelId="{5FDEEA50-082B-4169-B146-5901449F19A7}" srcId="{5121AE1F-B783-45A7-9AAB-69873B3E3C76}" destId="{0BA07AFB-C19D-4CBB-9C39-5FB3DE8CB34B}" srcOrd="1" destOrd="0" parTransId="{7DC16D14-F776-4765-8903-40CFB7E22F06}" sibTransId="{05AB63D6-1376-455A-A193-579E717F5226}"/>
    <dgm:cxn modelId="{7E199359-66D5-4F5F-9D8D-A039491C6C12}" srcId="{5121AE1F-B783-45A7-9AAB-69873B3E3C76}" destId="{790F60A9-F3A1-4363-AECD-A7B9EDAF0C8E}" srcOrd="2" destOrd="0" parTransId="{C78C7BE6-0E62-4561-9F06-616C7480C4CB}" sibTransId="{97DCB66A-8FA7-4580-9671-B329D66D67CF}"/>
    <dgm:cxn modelId="{D2C975C1-2A9B-4C08-9BEF-B16D6E366422}" srcId="{5121AE1F-B783-45A7-9AAB-69873B3E3C76}" destId="{015974BB-60AA-49E7-82A7-85BD2D50F106}" srcOrd="3" destOrd="0" parTransId="{4B0E9893-3BBB-491F-AF73-3D5F3DD0BAFD}" sibTransId="{4FD5EF1E-A219-488E-A833-AE243F87A5A8}"/>
    <dgm:cxn modelId="{F393B7D5-B3CE-4C47-8673-91FADAC6AA59}" type="presOf" srcId="{0BA07AFB-C19D-4CBB-9C39-5FB3DE8CB34B}" destId="{6BB7B188-0C9F-4B26-9933-42DD4B433058}" srcOrd="0" destOrd="0" presId="urn:microsoft.com/office/officeart/2008/layout/LinedList"/>
    <dgm:cxn modelId="{8C124CF6-F615-4814-A13F-68A562ED11D9}" type="presOf" srcId="{790F60A9-F3A1-4363-AECD-A7B9EDAF0C8E}" destId="{BB8EEB32-E25B-4523-8257-301D5BCF4562}" srcOrd="0" destOrd="0" presId="urn:microsoft.com/office/officeart/2008/layout/LinedList"/>
    <dgm:cxn modelId="{EAE7534A-7DBF-4BBD-AC26-386FB5B785C6}" type="presParOf" srcId="{5353C186-30D1-401F-A607-C4BFF38A9BFF}" destId="{3F99D479-9C8D-4984-9301-3E0E3137D230}" srcOrd="0" destOrd="0" presId="urn:microsoft.com/office/officeart/2008/layout/LinedList"/>
    <dgm:cxn modelId="{F37F3A10-C1D1-446C-9E2E-EA57A3870A67}" type="presParOf" srcId="{5353C186-30D1-401F-A607-C4BFF38A9BFF}" destId="{4D18DA94-C236-4434-AA69-39F272C2360A}" srcOrd="1" destOrd="0" presId="urn:microsoft.com/office/officeart/2008/layout/LinedList"/>
    <dgm:cxn modelId="{51CDF446-E453-46D4-9DE1-AAF2CB789591}" type="presParOf" srcId="{4D18DA94-C236-4434-AA69-39F272C2360A}" destId="{B9756F10-5C06-4C76-9AAE-3149E01EF85E}" srcOrd="0" destOrd="0" presId="urn:microsoft.com/office/officeart/2008/layout/LinedList"/>
    <dgm:cxn modelId="{0F61B95A-7BD1-48EC-AD0A-A2079DACC4FF}" type="presParOf" srcId="{4D18DA94-C236-4434-AA69-39F272C2360A}" destId="{138BC650-9FE7-4B16-BE63-A6EF796ABF03}" srcOrd="1" destOrd="0" presId="urn:microsoft.com/office/officeart/2008/layout/LinedList"/>
    <dgm:cxn modelId="{7FB466EB-71ED-4638-A5B6-14A242534AE6}" type="presParOf" srcId="{5353C186-30D1-401F-A607-C4BFF38A9BFF}" destId="{60289C01-BA1B-4467-B457-87579C83DC6F}" srcOrd="2" destOrd="0" presId="urn:microsoft.com/office/officeart/2008/layout/LinedList"/>
    <dgm:cxn modelId="{6FC5279E-D0E3-41B9-BCC3-9E9F79C13218}" type="presParOf" srcId="{5353C186-30D1-401F-A607-C4BFF38A9BFF}" destId="{2A647AA3-C423-45AB-AF23-F5755B281744}" srcOrd="3" destOrd="0" presId="urn:microsoft.com/office/officeart/2008/layout/LinedList"/>
    <dgm:cxn modelId="{2C6C9007-5317-4C60-8371-0097E48F4BA3}" type="presParOf" srcId="{2A647AA3-C423-45AB-AF23-F5755B281744}" destId="{6BB7B188-0C9F-4B26-9933-42DD4B433058}" srcOrd="0" destOrd="0" presId="urn:microsoft.com/office/officeart/2008/layout/LinedList"/>
    <dgm:cxn modelId="{2C528C25-FD3B-417A-AB0E-2F73DB86C289}" type="presParOf" srcId="{2A647AA3-C423-45AB-AF23-F5755B281744}" destId="{E0CDCE21-6BF0-4AC6-9AC5-463F63A94031}" srcOrd="1" destOrd="0" presId="urn:microsoft.com/office/officeart/2008/layout/LinedList"/>
    <dgm:cxn modelId="{634D8933-5416-475E-B940-C817F2254ABC}" type="presParOf" srcId="{5353C186-30D1-401F-A607-C4BFF38A9BFF}" destId="{FDB3B3EE-7082-4EE5-9ECA-AEA4F18EC799}" srcOrd="4" destOrd="0" presId="urn:microsoft.com/office/officeart/2008/layout/LinedList"/>
    <dgm:cxn modelId="{A284C85D-F2EE-4214-A559-15565FC5C3F8}" type="presParOf" srcId="{5353C186-30D1-401F-A607-C4BFF38A9BFF}" destId="{F484550E-27FD-4E40-AB23-690D551C767C}" srcOrd="5" destOrd="0" presId="urn:microsoft.com/office/officeart/2008/layout/LinedList"/>
    <dgm:cxn modelId="{FA257C9A-252C-448F-931F-D0CA923BEFF2}" type="presParOf" srcId="{F484550E-27FD-4E40-AB23-690D551C767C}" destId="{BB8EEB32-E25B-4523-8257-301D5BCF4562}" srcOrd="0" destOrd="0" presId="urn:microsoft.com/office/officeart/2008/layout/LinedList"/>
    <dgm:cxn modelId="{FECE6511-F253-4FD7-847E-C3ACCF14D6DF}" type="presParOf" srcId="{F484550E-27FD-4E40-AB23-690D551C767C}" destId="{D6A42F99-4334-466D-844C-0CD4E7E08E9F}" srcOrd="1" destOrd="0" presId="urn:microsoft.com/office/officeart/2008/layout/LinedList"/>
    <dgm:cxn modelId="{572AD135-0895-4DC7-AA70-006CF6892AFE}" type="presParOf" srcId="{5353C186-30D1-401F-A607-C4BFF38A9BFF}" destId="{185CDC6D-15C1-4479-A518-4B9D94CF7019}" srcOrd="6" destOrd="0" presId="urn:microsoft.com/office/officeart/2008/layout/LinedList"/>
    <dgm:cxn modelId="{B9FF8B1D-6B4B-4D25-A5FE-4E757633C31F}" type="presParOf" srcId="{5353C186-30D1-401F-A607-C4BFF38A9BFF}" destId="{B37E09A9-9D67-451D-BF59-F73B997985B8}" srcOrd="7" destOrd="0" presId="urn:microsoft.com/office/officeart/2008/layout/LinedList"/>
    <dgm:cxn modelId="{E97DCD87-76CD-4D8A-B28D-A148616CB015}" type="presParOf" srcId="{B37E09A9-9D67-451D-BF59-F73B997985B8}" destId="{4331ED10-285F-47E5-9010-738D02D46FBD}" srcOrd="0" destOrd="0" presId="urn:microsoft.com/office/officeart/2008/layout/LinedList"/>
    <dgm:cxn modelId="{12C786A8-4B46-49EE-8AAC-06FA4A25812E}" type="presParOf" srcId="{B37E09A9-9D67-451D-BF59-F73B997985B8}" destId="{2857C370-B312-461C-BBDF-FEC01651C3C3}" srcOrd="1" destOrd="0" presId="urn:microsoft.com/office/officeart/2008/layout/Line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A72F9A6E-3D12-4B3C-B334-BCA06CB061EA}" type="doc">
      <dgm:prSet loTypeId="urn:microsoft.com/office/officeart/2005/8/layout/vList2" loCatId="list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88957B64-6439-4FE0-BBC1-246B39ADF351}">
      <dgm:prSet/>
      <dgm:spPr/>
      <dgm:t>
        <a:bodyPr/>
        <a:lstStyle/>
        <a:p>
          <a:r>
            <a:rPr lang="da-DK"/>
            <a:t>Den kuraterende dimension ( at vælge relevante aktiviteter og indhold ift deltagerforudsætninger og mål)</a:t>
          </a:r>
          <a:endParaRPr lang="en-US"/>
        </a:p>
      </dgm:t>
    </dgm:pt>
    <dgm:pt modelId="{1298B4E3-90DB-4BE1-AFDC-D9BF6C6E79E8}" type="parTrans" cxnId="{1DBD9867-9B83-4F3E-BB88-1134947B7EAE}">
      <dgm:prSet/>
      <dgm:spPr/>
      <dgm:t>
        <a:bodyPr/>
        <a:lstStyle/>
        <a:p>
          <a:endParaRPr lang="en-US"/>
        </a:p>
      </dgm:t>
    </dgm:pt>
    <dgm:pt modelId="{607546E0-464B-4D10-B4AF-2B566AD4D8AC}" type="sibTrans" cxnId="{1DBD9867-9B83-4F3E-BB88-1134947B7EAE}">
      <dgm:prSet/>
      <dgm:spPr/>
      <dgm:t>
        <a:bodyPr/>
        <a:lstStyle/>
        <a:p>
          <a:endParaRPr lang="en-US"/>
        </a:p>
      </dgm:t>
    </dgm:pt>
    <dgm:pt modelId="{8B4E6311-1CD3-48F9-835F-9404F5EBA40B}">
      <dgm:prSet/>
      <dgm:spPr/>
      <dgm:t>
        <a:bodyPr/>
        <a:lstStyle/>
        <a:p>
          <a:r>
            <a:rPr lang="da-DK" dirty="0"/>
            <a:t>Den narrative dimension (at skabe en fortælling med </a:t>
          </a:r>
          <a:r>
            <a:rPr lang="da-DK" dirty="0" err="1"/>
            <a:t>emplotment</a:t>
          </a:r>
          <a:r>
            <a:rPr lang="da-DK" dirty="0"/>
            <a:t>, som knytter an til deltageren)</a:t>
          </a:r>
          <a:endParaRPr lang="en-US" dirty="0"/>
        </a:p>
      </dgm:t>
    </dgm:pt>
    <dgm:pt modelId="{F7C392D6-12D8-4050-8E66-CA2A7A14D508}" type="parTrans" cxnId="{9375E085-12E0-42EB-B365-1EFE4711D628}">
      <dgm:prSet/>
      <dgm:spPr/>
      <dgm:t>
        <a:bodyPr/>
        <a:lstStyle/>
        <a:p>
          <a:endParaRPr lang="en-US"/>
        </a:p>
      </dgm:t>
    </dgm:pt>
    <dgm:pt modelId="{829F4146-0649-43ED-8590-04691B6D5C93}" type="sibTrans" cxnId="{9375E085-12E0-42EB-B365-1EFE4711D628}">
      <dgm:prSet/>
      <dgm:spPr/>
      <dgm:t>
        <a:bodyPr/>
        <a:lstStyle/>
        <a:p>
          <a:endParaRPr lang="en-US"/>
        </a:p>
      </dgm:t>
    </dgm:pt>
    <dgm:pt modelId="{C70C44F1-119A-4BFA-A676-E821C88FBD7B}">
      <dgm:prSet/>
      <dgm:spPr/>
      <dgm:t>
        <a:bodyPr/>
        <a:lstStyle/>
        <a:p>
          <a:r>
            <a:rPr lang="da-DK" dirty="0"/>
            <a:t>Den motiverende dimension (at kunne give den feedback, der bringer deltageren videre. – Dermed også at kunne identificere deltagerens nærmeste læringszone</a:t>
          </a:r>
          <a:endParaRPr lang="en-US" dirty="0"/>
        </a:p>
      </dgm:t>
    </dgm:pt>
    <dgm:pt modelId="{C1C92C03-76D0-4164-BD55-292BA0F93DC5}" type="parTrans" cxnId="{7D62DB24-1A6E-4AD3-8208-7EB57E69DF89}">
      <dgm:prSet/>
      <dgm:spPr/>
      <dgm:t>
        <a:bodyPr/>
        <a:lstStyle/>
        <a:p>
          <a:endParaRPr lang="en-US"/>
        </a:p>
      </dgm:t>
    </dgm:pt>
    <dgm:pt modelId="{65B73ABF-8CDB-4503-92AA-262C71FEC789}" type="sibTrans" cxnId="{7D62DB24-1A6E-4AD3-8208-7EB57E69DF89}">
      <dgm:prSet/>
      <dgm:spPr/>
      <dgm:t>
        <a:bodyPr/>
        <a:lstStyle/>
        <a:p>
          <a:endParaRPr lang="en-US"/>
        </a:p>
      </dgm:t>
    </dgm:pt>
    <dgm:pt modelId="{AD5A5AA6-2FFB-4D4F-AA2B-AE69E1E5D33C}">
      <dgm:prSet/>
      <dgm:spPr/>
      <dgm:t>
        <a:bodyPr/>
        <a:lstStyle/>
        <a:p>
          <a:r>
            <a:rPr lang="da-DK" dirty="0"/>
            <a:t>Den evaluerende dimension </a:t>
          </a:r>
          <a:r>
            <a:rPr lang="da-DK" dirty="0" err="1"/>
            <a:t>ift</a:t>
          </a:r>
          <a:r>
            <a:rPr lang="da-DK" dirty="0"/>
            <a:t> både elevens og uddannelsens læring</a:t>
          </a:r>
          <a:endParaRPr lang="en-US" dirty="0"/>
        </a:p>
      </dgm:t>
    </dgm:pt>
    <dgm:pt modelId="{CFCD8B8B-8417-40F0-A52A-477CFD64ABEB}" type="parTrans" cxnId="{A820411E-AA0D-45FA-BF82-C6B46646078F}">
      <dgm:prSet/>
      <dgm:spPr/>
      <dgm:t>
        <a:bodyPr/>
        <a:lstStyle/>
        <a:p>
          <a:endParaRPr lang="en-US"/>
        </a:p>
      </dgm:t>
    </dgm:pt>
    <dgm:pt modelId="{026C3ADC-CEFD-4F70-8F37-05DA83C56F64}" type="sibTrans" cxnId="{A820411E-AA0D-45FA-BF82-C6B46646078F}">
      <dgm:prSet/>
      <dgm:spPr/>
      <dgm:t>
        <a:bodyPr/>
        <a:lstStyle/>
        <a:p>
          <a:endParaRPr lang="en-US"/>
        </a:p>
      </dgm:t>
    </dgm:pt>
    <dgm:pt modelId="{64A2D7AB-C346-47D2-B04F-8B1FB63EF906}" type="pres">
      <dgm:prSet presAssocID="{A72F9A6E-3D12-4B3C-B334-BCA06CB061EA}" presName="linear" presStyleCnt="0">
        <dgm:presLayoutVars>
          <dgm:animLvl val="lvl"/>
          <dgm:resizeHandles val="exact"/>
        </dgm:presLayoutVars>
      </dgm:prSet>
      <dgm:spPr/>
    </dgm:pt>
    <dgm:pt modelId="{68B72298-4DC8-4CF7-9196-B7F5B18063BA}" type="pres">
      <dgm:prSet presAssocID="{88957B64-6439-4FE0-BBC1-246B39ADF351}" presName="parentText" presStyleLbl="node1" presStyleIdx="0" presStyleCnt="4">
        <dgm:presLayoutVars>
          <dgm:chMax val="0"/>
          <dgm:bulletEnabled val="1"/>
        </dgm:presLayoutVars>
      </dgm:prSet>
      <dgm:spPr/>
    </dgm:pt>
    <dgm:pt modelId="{51EDD81F-5044-43C7-BAA5-013BAEB6C939}" type="pres">
      <dgm:prSet presAssocID="{607546E0-464B-4D10-B4AF-2B566AD4D8AC}" presName="spacer" presStyleCnt="0"/>
      <dgm:spPr/>
    </dgm:pt>
    <dgm:pt modelId="{94BD6EE3-440C-4CC4-94AA-08C4EAE417AD}" type="pres">
      <dgm:prSet presAssocID="{8B4E6311-1CD3-48F9-835F-9404F5EBA40B}" presName="parentText" presStyleLbl="node1" presStyleIdx="1" presStyleCnt="4">
        <dgm:presLayoutVars>
          <dgm:chMax val="0"/>
          <dgm:bulletEnabled val="1"/>
        </dgm:presLayoutVars>
      </dgm:prSet>
      <dgm:spPr/>
    </dgm:pt>
    <dgm:pt modelId="{E9F68037-EB64-407C-8B2A-AB6B46D21846}" type="pres">
      <dgm:prSet presAssocID="{829F4146-0649-43ED-8590-04691B6D5C93}" presName="spacer" presStyleCnt="0"/>
      <dgm:spPr/>
    </dgm:pt>
    <dgm:pt modelId="{9B3BB3BF-F835-4841-8FD8-44A60A32AAE6}" type="pres">
      <dgm:prSet presAssocID="{C70C44F1-119A-4BFA-A676-E821C88FBD7B}" presName="parentText" presStyleLbl="node1" presStyleIdx="2" presStyleCnt="4">
        <dgm:presLayoutVars>
          <dgm:chMax val="0"/>
          <dgm:bulletEnabled val="1"/>
        </dgm:presLayoutVars>
      </dgm:prSet>
      <dgm:spPr/>
    </dgm:pt>
    <dgm:pt modelId="{BEB18C4C-4D96-4DDB-B18E-6E77A0B0D1CF}" type="pres">
      <dgm:prSet presAssocID="{65B73ABF-8CDB-4503-92AA-262C71FEC789}" presName="spacer" presStyleCnt="0"/>
      <dgm:spPr/>
    </dgm:pt>
    <dgm:pt modelId="{69F66C00-5811-4F15-BD85-908880D3D1F5}" type="pres">
      <dgm:prSet presAssocID="{AD5A5AA6-2FFB-4D4F-AA2B-AE69E1E5D33C}" presName="parentText" presStyleLbl="node1" presStyleIdx="3" presStyleCnt="4">
        <dgm:presLayoutVars>
          <dgm:chMax val="0"/>
          <dgm:bulletEnabled val="1"/>
        </dgm:presLayoutVars>
      </dgm:prSet>
      <dgm:spPr/>
    </dgm:pt>
  </dgm:ptLst>
  <dgm:cxnLst>
    <dgm:cxn modelId="{A820411E-AA0D-45FA-BF82-C6B46646078F}" srcId="{A72F9A6E-3D12-4B3C-B334-BCA06CB061EA}" destId="{AD5A5AA6-2FFB-4D4F-AA2B-AE69E1E5D33C}" srcOrd="3" destOrd="0" parTransId="{CFCD8B8B-8417-40F0-A52A-477CFD64ABEB}" sibTransId="{026C3ADC-CEFD-4F70-8F37-05DA83C56F64}"/>
    <dgm:cxn modelId="{7D62DB24-1A6E-4AD3-8208-7EB57E69DF89}" srcId="{A72F9A6E-3D12-4B3C-B334-BCA06CB061EA}" destId="{C70C44F1-119A-4BFA-A676-E821C88FBD7B}" srcOrd="2" destOrd="0" parTransId="{C1C92C03-76D0-4164-BD55-292BA0F93DC5}" sibTransId="{65B73ABF-8CDB-4503-92AA-262C71FEC789}"/>
    <dgm:cxn modelId="{1DBD9867-9B83-4F3E-BB88-1134947B7EAE}" srcId="{A72F9A6E-3D12-4B3C-B334-BCA06CB061EA}" destId="{88957B64-6439-4FE0-BBC1-246B39ADF351}" srcOrd="0" destOrd="0" parTransId="{1298B4E3-90DB-4BE1-AFDC-D9BF6C6E79E8}" sibTransId="{607546E0-464B-4D10-B4AF-2B566AD4D8AC}"/>
    <dgm:cxn modelId="{B1C43E54-4705-49E7-B29D-56EA1092C55E}" type="presOf" srcId="{8B4E6311-1CD3-48F9-835F-9404F5EBA40B}" destId="{94BD6EE3-440C-4CC4-94AA-08C4EAE417AD}" srcOrd="0" destOrd="0" presId="urn:microsoft.com/office/officeart/2005/8/layout/vList2"/>
    <dgm:cxn modelId="{9375E085-12E0-42EB-B365-1EFE4711D628}" srcId="{A72F9A6E-3D12-4B3C-B334-BCA06CB061EA}" destId="{8B4E6311-1CD3-48F9-835F-9404F5EBA40B}" srcOrd="1" destOrd="0" parTransId="{F7C392D6-12D8-4050-8E66-CA2A7A14D508}" sibTransId="{829F4146-0649-43ED-8590-04691B6D5C93}"/>
    <dgm:cxn modelId="{27275E90-97AD-4961-A6BD-EAEAA4B53AC2}" type="presOf" srcId="{AD5A5AA6-2FFB-4D4F-AA2B-AE69E1E5D33C}" destId="{69F66C00-5811-4F15-BD85-908880D3D1F5}" srcOrd="0" destOrd="0" presId="urn:microsoft.com/office/officeart/2005/8/layout/vList2"/>
    <dgm:cxn modelId="{EBC0B9A1-B2BE-4D94-BFAB-ED18ED0672CE}" type="presOf" srcId="{88957B64-6439-4FE0-BBC1-246B39ADF351}" destId="{68B72298-4DC8-4CF7-9196-B7F5B18063BA}" srcOrd="0" destOrd="0" presId="urn:microsoft.com/office/officeart/2005/8/layout/vList2"/>
    <dgm:cxn modelId="{9A83C9A5-4582-4E4F-B8EF-E82092E00545}" type="presOf" srcId="{A72F9A6E-3D12-4B3C-B334-BCA06CB061EA}" destId="{64A2D7AB-C346-47D2-B04F-8B1FB63EF906}" srcOrd="0" destOrd="0" presId="urn:microsoft.com/office/officeart/2005/8/layout/vList2"/>
    <dgm:cxn modelId="{11A4E5F5-A03F-44FA-8CDA-65C09205D5A6}" type="presOf" srcId="{C70C44F1-119A-4BFA-A676-E821C88FBD7B}" destId="{9B3BB3BF-F835-4841-8FD8-44A60A32AAE6}" srcOrd="0" destOrd="0" presId="urn:microsoft.com/office/officeart/2005/8/layout/vList2"/>
    <dgm:cxn modelId="{6562CDDE-24E2-4AE4-9CDF-2D1C230E630E}" type="presParOf" srcId="{64A2D7AB-C346-47D2-B04F-8B1FB63EF906}" destId="{68B72298-4DC8-4CF7-9196-B7F5B18063BA}" srcOrd="0" destOrd="0" presId="urn:microsoft.com/office/officeart/2005/8/layout/vList2"/>
    <dgm:cxn modelId="{5AB73DBB-F02D-4BA7-BFBD-5465D9AA32C2}" type="presParOf" srcId="{64A2D7AB-C346-47D2-B04F-8B1FB63EF906}" destId="{51EDD81F-5044-43C7-BAA5-013BAEB6C939}" srcOrd="1" destOrd="0" presId="urn:microsoft.com/office/officeart/2005/8/layout/vList2"/>
    <dgm:cxn modelId="{64BD7CEB-C768-464D-BA52-BCE95FB99FD0}" type="presParOf" srcId="{64A2D7AB-C346-47D2-B04F-8B1FB63EF906}" destId="{94BD6EE3-440C-4CC4-94AA-08C4EAE417AD}" srcOrd="2" destOrd="0" presId="urn:microsoft.com/office/officeart/2005/8/layout/vList2"/>
    <dgm:cxn modelId="{C5FDD908-7B63-42C6-9F44-AE65B945BCB3}" type="presParOf" srcId="{64A2D7AB-C346-47D2-B04F-8B1FB63EF906}" destId="{E9F68037-EB64-407C-8B2A-AB6B46D21846}" srcOrd="3" destOrd="0" presId="urn:microsoft.com/office/officeart/2005/8/layout/vList2"/>
    <dgm:cxn modelId="{AFA4AEB3-F940-49CA-AC34-8F0D70CA55CB}" type="presParOf" srcId="{64A2D7AB-C346-47D2-B04F-8B1FB63EF906}" destId="{9B3BB3BF-F835-4841-8FD8-44A60A32AAE6}" srcOrd="4" destOrd="0" presId="urn:microsoft.com/office/officeart/2005/8/layout/vList2"/>
    <dgm:cxn modelId="{BA92A729-8B2E-4581-8930-04059E4DD848}" type="presParOf" srcId="{64A2D7AB-C346-47D2-B04F-8B1FB63EF906}" destId="{BEB18C4C-4D96-4DDB-B18E-6E77A0B0D1CF}" srcOrd="5" destOrd="0" presId="urn:microsoft.com/office/officeart/2005/8/layout/vList2"/>
    <dgm:cxn modelId="{62CD4D50-641F-4C56-B6C4-B27B65F1CF06}" type="presParOf" srcId="{64A2D7AB-C346-47D2-B04F-8B1FB63EF906}" destId="{69F66C00-5811-4F15-BD85-908880D3D1F5}" srcOrd="6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630C9A1-2F4C-414F-83FD-CBDB492AAD54}">
      <dsp:nvSpPr>
        <dsp:cNvPr id="0" name=""/>
        <dsp:cNvSpPr/>
      </dsp:nvSpPr>
      <dsp:spPr>
        <a:xfrm>
          <a:off x="0" y="905470"/>
          <a:ext cx="6269038" cy="167163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D260B85-DD02-4A2D-AA48-1235D011E4BC}">
      <dsp:nvSpPr>
        <dsp:cNvPr id="0" name=""/>
        <dsp:cNvSpPr/>
      </dsp:nvSpPr>
      <dsp:spPr>
        <a:xfrm>
          <a:off x="505670" y="1281588"/>
          <a:ext cx="919400" cy="919400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72F4B2E-846F-4EC1-83D7-9B9AF68BEA6F}">
      <dsp:nvSpPr>
        <dsp:cNvPr id="0" name=""/>
        <dsp:cNvSpPr/>
      </dsp:nvSpPr>
      <dsp:spPr>
        <a:xfrm>
          <a:off x="1930741" y="905470"/>
          <a:ext cx="4338296" cy="167163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6915" tIns="176915" rIns="176915" bIns="176915" numCol="1" spcCol="1270" anchor="ctr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strike="noStrike" kern="1200" dirty="0"/>
            <a:t>e-læring (</a:t>
          </a:r>
          <a:r>
            <a:rPr lang="da-DK" sz="1800" strike="noStrike" kern="1200" dirty="0" err="1"/>
            <a:t>nu:digital</a:t>
          </a:r>
          <a:r>
            <a:rPr lang="da-DK" sz="1800" strike="noStrike" kern="1200" dirty="0"/>
            <a:t> læring) </a:t>
          </a:r>
          <a:r>
            <a:rPr lang="da-DK" sz="1800" kern="1200" dirty="0"/>
            <a:t>er </a:t>
          </a:r>
          <a:r>
            <a:rPr lang="da-DK" sz="1800" i="1" kern="1200" dirty="0"/>
            <a:t>læring, der er helt eller delvist medieret</a:t>
          </a:r>
          <a:r>
            <a:rPr lang="da-DK" sz="1800" kern="1200" dirty="0"/>
            <a:t> af </a:t>
          </a:r>
          <a:r>
            <a:rPr lang="da-DK" sz="1800" i="1" kern="1200" dirty="0"/>
            <a:t>digitale</a:t>
          </a:r>
          <a:r>
            <a:rPr lang="da-DK" sz="1800" kern="1200" dirty="0"/>
            <a:t> medier</a:t>
          </a:r>
          <a:endParaRPr lang="en-US" sz="1800" kern="1200" dirty="0"/>
        </a:p>
      </dsp:txBody>
      <dsp:txXfrm>
        <a:off x="1930741" y="905470"/>
        <a:ext cx="4338296" cy="1671637"/>
      </dsp:txXfrm>
    </dsp:sp>
    <dsp:sp modelId="{9ADF8B13-1642-4273-B544-C4349E681BCD}">
      <dsp:nvSpPr>
        <dsp:cNvPr id="0" name=""/>
        <dsp:cNvSpPr/>
      </dsp:nvSpPr>
      <dsp:spPr>
        <a:xfrm>
          <a:off x="0" y="2995017"/>
          <a:ext cx="6269038" cy="167163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4249792-DB5A-4AC4-BDD3-C55C510B0CAE}">
      <dsp:nvSpPr>
        <dsp:cNvPr id="0" name=""/>
        <dsp:cNvSpPr/>
      </dsp:nvSpPr>
      <dsp:spPr>
        <a:xfrm>
          <a:off x="505670" y="3371135"/>
          <a:ext cx="919400" cy="919400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4FC13BF-5D7F-46DB-8679-0F6B3573B99B}">
      <dsp:nvSpPr>
        <dsp:cNvPr id="0" name=""/>
        <dsp:cNvSpPr/>
      </dsp:nvSpPr>
      <dsp:spPr>
        <a:xfrm>
          <a:off x="1930741" y="2995017"/>
          <a:ext cx="4338296" cy="167163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76915" tIns="176915" rIns="176915" bIns="176915" numCol="1" spcCol="1270" anchor="ctr" anchorCtr="0">
          <a:noAutofit/>
        </a:bodyPr>
        <a:lstStyle/>
        <a:p>
          <a:pPr marL="0" lvl="0" indent="0" algn="l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800" i="1" kern="1200" dirty="0"/>
            <a:t>Ved digital læring forstås her planlagt læring, der er helt eller delvist digitalt medieret med det sigte at skabe en kvalitativ og/eller kvantitativ forbedring af en uddannelse/uddannelsesindsats</a:t>
          </a:r>
          <a:r>
            <a:rPr lang="da-DK" sz="1800" kern="1200" dirty="0"/>
            <a:t> </a:t>
          </a:r>
          <a:endParaRPr lang="en-US" sz="1800" kern="1200" dirty="0"/>
        </a:p>
      </dsp:txBody>
      <dsp:txXfrm>
        <a:off x="1930741" y="2995017"/>
        <a:ext cx="4338296" cy="167163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DFC4E8-2789-4325-B0DF-C15314C1803A}">
      <dsp:nvSpPr>
        <dsp:cNvPr id="0" name=""/>
        <dsp:cNvSpPr/>
      </dsp:nvSpPr>
      <dsp:spPr>
        <a:xfrm>
          <a:off x="0" y="2347"/>
          <a:ext cx="6248400" cy="1189803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C843050-7EED-4679-86F1-500140B0BEFC}">
      <dsp:nvSpPr>
        <dsp:cNvPr id="0" name=""/>
        <dsp:cNvSpPr/>
      </dsp:nvSpPr>
      <dsp:spPr>
        <a:xfrm>
          <a:off x="359915" y="270053"/>
          <a:ext cx="654392" cy="654392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D83C57B-C9A6-40CC-BB8D-E457AB9592A0}">
      <dsp:nvSpPr>
        <dsp:cNvPr id="0" name=""/>
        <dsp:cNvSpPr/>
      </dsp:nvSpPr>
      <dsp:spPr>
        <a:xfrm>
          <a:off x="1374223" y="2347"/>
          <a:ext cx="4874176" cy="11898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921" tIns="125921" rIns="125921" bIns="125921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/>
            <a:t>Hvad gør vi? Hvad er det, der virker?</a:t>
          </a:r>
          <a:endParaRPr lang="en-US" sz="2000" kern="1200"/>
        </a:p>
      </dsp:txBody>
      <dsp:txXfrm>
        <a:off x="1374223" y="2347"/>
        <a:ext cx="4874176" cy="1189803"/>
      </dsp:txXfrm>
    </dsp:sp>
    <dsp:sp modelId="{FDCF888B-E3B5-4BD9-AC4B-43209F9F37C3}">
      <dsp:nvSpPr>
        <dsp:cNvPr id="0" name=""/>
        <dsp:cNvSpPr/>
      </dsp:nvSpPr>
      <dsp:spPr>
        <a:xfrm>
          <a:off x="0" y="1489602"/>
          <a:ext cx="6248400" cy="1189803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935EB8D-74F8-4317-B770-E6C2C65AC969}">
      <dsp:nvSpPr>
        <dsp:cNvPr id="0" name=""/>
        <dsp:cNvSpPr/>
      </dsp:nvSpPr>
      <dsp:spPr>
        <a:xfrm>
          <a:off x="359915" y="1757308"/>
          <a:ext cx="654392" cy="654392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3D153AC-2336-43C1-B12A-133B29FF4522}">
      <dsp:nvSpPr>
        <dsp:cNvPr id="0" name=""/>
        <dsp:cNvSpPr/>
      </dsp:nvSpPr>
      <dsp:spPr>
        <a:xfrm>
          <a:off x="1374223" y="1489602"/>
          <a:ext cx="4874176" cy="11898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921" tIns="125921" rIns="125921" bIns="125921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/>
            <a:t>Hvad kunne vi gøre? Hvem kunne vi lade os inspirere af? Hvad tror vi det ville føre til?</a:t>
          </a:r>
          <a:endParaRPr lang="en-US" sz="2000" kern="1200"/>
        </a:p>
      </dsp:txBody>
      <dsp:txXfrm>
        <a:off x="1374223" y="1489602"/>
        <a:ext cx="4874176" cy="1189803"/>
      </dsp:txXfrm>
    </dsp:sp>
    <dsp:sp modelId="{25EF3F52-39C9-4FC1-923D-8070D95D07A9}">
      <dsp:nvSpPr>
        <dsp:cNvPr id="0" name=""/>
        <dsp:cNvSpPr/>
      </dsp:nvSpPr>
      <dsp:spPr>
        <a:xfrm>
          <a:off x="0" y="2976856"/>
          <a:ext cx="6248400" cy="1189803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C651E0C-38A9-4382-88B0-235D9C950205}">
      <dsp:nvSpPr>
        <dsp:cNvPr id="0" name=""/>
        <dsp:cNvSpPr/>
      </dsp:nvSpPr>
      <dsp:spPr>
        <a:xfrm>
          <a:off x="359915" y="3244562"/>
          <a:ext cx="654392" cy="654392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6262661-0CC2-4B8E-A044-F167E3561D13}">
      <dsp:nvSpPr>
        <dsp:cNvPr id="0" name=""/>
        <dsp:cNvSpPr/>
      </dsp:nvSpPr>
      <dsp:spPr>
        <a:xfrm>
          <a:off x="1374223" y="2976856"/>
          <a:ext cx="4874176" cy="11898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921" tIns="125921" rIns="125921" bIns="125921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/>
            <a:t>Hvorfor skulle vi gøre det?</a:t>
          </a:r>
          <a:endParaRPr lang="en-US" sz="2000" kern="1200"/>
        </a:p>
      </dsp:txBody>
      <dsp:txXfrm>
        <a:off x="1374223" y="2976856"/>
        <a:ext cx="4874176" cy="1189803"/>
      </dsp:txXfrm>
    </dsp:sp>
    <dsp:sp modelId="{8EBB6E8F-631A-4245-A092-7C764F97B5A3}">
      <dsp:nvSpPr>
        <dsp:cNvPr id="0" name=""/>
        <dsp:cNvSpPr/>
      </dsp:nvSpPr>
      <dsp:spPr>
        <a:xfrm>
          <a:off x="0" y="4464111"/>
          <a:ext cx="6248400" cy="1189803"/>
        </a:xfrm>
        <a:prstGeom prst="roundRect">
          <a:avLst>
            <a:gd name="adj" fmla="val 10000"/>
          </a:avLst>
        </a:prstGeom>
        <a:solidFill>
          <a:schemeClr val="bg1">
            <a:lumMod val="95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8F15942-2AB1-4156-BB7B-A01E23FB3617}">
      <dsp:nvSpPr>
        <dsp:cNvPr id="0" name=""/>
        <dsp:cNvSpPr/>
      </dsp:nvSpPr>
      <dsp:spPr>
        <a:xfrm>
          <a:off x="359915" y="4731817"/>
          <a:ext cx="654392" cy="654392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010F698-E22D-4301-9971-54264F2E453A}">
      <dsp:nvSpPr>
        <dsp:cNvPr id="0" name=""/>
        <dsp:cNvSpPr/>
      </dsp:nvSpPr>
      <dsp:spPr>
        <a:xfrm>
          <a:off x="1374223" y="4464111"/>
          <a:ext cx="4874176" cy="11898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5921" tIns="125921" rIns="125921" bIns="125921" numCol="1" spcCol="1270" anchor="ctr" anchorCtr="0">
          <a:noAutofit/>
        </a:bodyPr>
        <a:lstStyle/>
        <a:p>
          <a:pPr marL="0" lvl="0" indent="0" algn="l" defTabSz="8890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000" kern="1200"/>
            <a:t>Hvad er min rolle her?</a:t>
          </a:r>
          <a:endParaRPr lang="en-US" sz="2000" kern="1200"/>
        </a:p>
      </dsp:txBody>
      <dsp:txXfrm>
        <a:off x="1374223" y="4464111"/>
        <a:ext cx="4874176" cy="118980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F99D479-9C8D-4984-9301-3E0E3137D230}">
      <dsp:nvSpPr>
        <dsp:cNvPr id="0" name=""/>
        <dsp:cNvSpPr/>
      </dsp:nvSpPr>
      <dsp:spPr>
        <a:xfrm>
          <a:off x="0" y="0"/>
          <a:ext cx="4052499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B9756F10-5C06-4C76-9AAE-3149E01EF85E}">
      <dsp:nvSpPr>
        <dsp:cNvPr id="0" name=""/>
        <dsp:cNvSpPr/>
      </dsp:nvSpPr>
      <dsp:spPr>
        <a:xfrm>
          <a:off x="0" y="0"/>
          <a:ext cx="4052499" cy="7050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 dirty="0"/>
            <a:t>Vi har selvfølgelig brug for faglighed</a:t>
          </a:r>
          <a:endParaRPr lang="en-US" sz="1900" kern="1200" dirty="0"/>
        </a:p>
      </dsp:txBody>
      <dsp:txXfrm>
        <a:off x="0" y="0"/>
        <a:ext cx="4052499" cy="705003"/>
      </dsp:txXfrm>
    </dsp:sp>
    <dsp:sp modelId="{60289C01-BA1B-4467-B457-87579C83DC6F}">
      <dsp:nvSpPr>
        <dsp:cNvPr id="0" name=""/>
        <dsp:cNvSpPr/>
      </dsp:nvSpPr>
      <dsp:spPr>
        <a:xfrm>
          <a:off x="0" y="705003"/>
          <a:ext cx="4052499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6BB7B188-0C9F-4B26-9933-42DD4B433058}">
      <dsp:nvSpPr>
        <dsp:cNvPr id="0" name=""/>
        <dsp:cNvSpPr/>
      </dsp:nvSpPr>
      <dsp:spPr>
        <a:xfrm>
          <a:off x="0" y="705003"/>
          <a:ext cx="4052499" cy="7050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 dirty="0"/>
            <a:t>Også den pædagogiske faglighed</a:t>
          </a:r>
          <a:endParaRPr lang="en-US" sz="1900" kern="1200" dirty="0"/>
        </a:p>
      </dsp:txBody>
      <dsp:txXfrm>
        <a:off x="0" y="705003"/>
        <a:ext cx="4052499" cy="705003"/>
      </dsp:txXfrm>
    </dsp:sp>
    <dsp:sp modelId="{FDB3B3EE-7082-4EE5-9ECA-AEA4F18EC799}">
      <dsp:nvSpPr>
        <dsp:cNvPr id="0" name=""/>
        <dsp:cNvSpPr/>
      </dsp:nvSpPr>
      <dsp:spPr>
        <a:xfrm>
          <a:off x="0" y="1410006"/>
          <a:ext cx="4052499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BB8EEB32-E25B-4523-8257-301D5BCF4562}">
      <dsp:nvSpPr>
        <dsp:cNvPr id="0" name=""/>
        <dsp:cNvSpPr/>
      </dsp:nvSpPr>
      <dsp:spPr>
        <a:xfrm>
          <a:off x="0" y="1410006"/>
          <a:ext cx="4052499" cy="7050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 dirty="0"/>
            <a:t>Altså sådan at vi kan skabe gode didaktiske design</a:t>
          </a:r>
          <a:endParaRPr lang="en-US" sz="1900" kern="1200" dirty="0"/>
        </a:p>
      </dsp:txBody>
      <dsp:txXfrm>
        <a:off x="0" y="1410006"/>
        <a:ext cx="4052499" cy="705003"/>
      </dsp:txXfrm>
    </dsp:sp>
    <dsp:sp modelId="{185CDC6D-15C1-4479-A518-4B9D94CF7019}">
      <dsp:nvSpPr>
        <dsp:cNvPr id="0" name=""/>
        <dsp:cNvSpPr/>
      </dsp:nvSpPr>
      <dsp:spPr>
        <a:xfrm>
          <a:off x="0" y="2115009"/>
          <a:ext cx="4052499" cy="0"/>
        </a:xfrm>
        <a:prstGeom prst="lin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5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</dsp:sp>
    <dsp:sp modelId="{4331ED10-285F-47E5-9010-738D02D46FBD}">
      <dsp:nvSpPr>
        <dsp:cNvPr id="0" name=""/>
        <dsp:cNvSpPr/>
      </dsp:nvSpPr>
      <dsp:spPr>
        <a:xfrm>
          <a:off x="0" y="2115009"/>
          <a:ext cx="4052499" cy="70500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2390" tIns="72390" rIns="72390" bIns="72390" numCol="1" spcCol="1270" anchor="t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 dirty="0"/>
            <a:t>MED DIDAKTISK FANTASI</a:t>
          </a:r>
          <a:endParaRPr lang="en-US" sz="1900" kern="1200" dirty="0"/>
        </a:p>
      </dsp:txBody>
      <dsp:txXfrm>
        <a:off x="0" y="2115009"/>
        <a:ext cx="4052499" cy="70500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8B72298-4DC8-4CF7-9196-B7F5B18063BA}">
      <dsp:nvSpPr>
        <dsp:cNvPr id="0" name=""/>
        <dsp:cNvSpPr/>
      </dsp:nvSpPr>
      <dsp:spPr>
        <a:xfrm>
          <a:off x="0" y="162549"/>
          <a:ext cx="10515600" cy="95471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kern="1200"/>
            <a:t>Den kuraterende dimension ( at vælge relevante aktiviteter og indhold ift deltagerforudsætninger og mål)</a:t>
          </a:r>
          <a:endParaRPr lang="en-US" sz="2400" kern="1200"/>
        </a:p>
      </dsp:txBody>
      <dsp:txXfrm>
        <a:off x="46606" y="209155"/>
        <a:ext cx="10422388" cy="861507"/>
      </dsp:txXfrm>
    </dsp:sp>
    <dsp:sp modelId="{94BD6EE3-440C-4CC4-94AA-08C4EAE417AD}">
      <dsp:nvSpPr>
        <dsp:cNvPr id="0" name=""/>
        <dsp:cNvSpPr/>
      </dsp:nvSpPr>
      <dsp:spPr>
        <a:xfrm>
          <a:off x="0" y="1186389"/>
          <a:ext cx="10515600" cy="95471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kern="1200" dirty="0"/>
            <a:t>Den narrative dimension (at skabe en fortælling med </a:t>
          </a:r>
          <a:r>
            <a:rPr lang="da-DK" sz="2400" kern="1200" dirty="0" err="1"/>
            <a:t>emplotment</a:t>
          </a:r>
          <a:r>
            <a:rPr lang="da-DK" sz="2400" kern="1200" dirty="0"/>
            <a:t>, som knytter an til deltageren)</a:t>
          </a:r>
          <a:endParaRPr lang="en-US" sz="2400" kern="1200" dirty="0"/>
        </a:p>
      </dsp:txBody>
      <dsp:txXfrm>
        <a:off x="46606" y="1232995"/>
        <a:ext cx="10422388" cy="861507"/>
      </dsp:txXfrm>
    </dsp:sp>
    <dsp:sp modelId="{9B3BB3BF-F835-4841-8FD8-44A60A32AAE6}">
      <dsp:nvSpPr>
        <dsp:cNvPr id="0" name=""/>
        <dsp:cNvSpPr/>
      </dsp:nvSpPr>
      <dsp:spPr>
        <a:xfrm>
          <a:off x="0" y="2210229"/>
          <a:ext cx="10515600" cy="95471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kern="1200" dirty="0"/>
            <a:t>Den motiverende dimension (at kunne give den feedback, der bringer deltageren videre. – Dermed også at kunne identificere deltagerens nærmeste læringszone</a:t>
          </a:r>
          <a:endParaRPr lang="en-US" sz="2400" kern="1200" dirty="0"/>
        </a:p>
      </dsp:txBody>
      <dsp:txXfrm>
        <a:off x="46606" y="2256835"/>
        <a:ext cx="10422388" cy="861507"/>
      </dsp:txXfrm>
    </dsp:sp>
    <dsp:sp modelId="{69F66C00-5811-4F15-BD85-908880D3D1F5}">
      <dsp:nvSpPr>
        <dsp:cNvPr id="0" name=""/>
        <dsp:cNvSpPr/>
      </dsp:nvSpPr>
      <dsp:spPr>
        <a:xfrm>
          <a:off x="0" y="3234069"/>
          <a:ext cx="10515600" cy="954719"/>
        </a:xfrm>
        <a:prstGeom prst="roundRect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1440" tIns="91440" rIns="91440" bIns="91440" numCol="1" spcCol="1270" anchor="ctr" anchorCtr="0">
          <a:noAutofit/>
        </a:bodyPr>
        <a:lstStyle/>
        <a:p>
          <a:pPr marL="0" lvl="0" indent="0" algn="l" defTabSz="10668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400" kern="1200" dirty="0"/>
            <a:t>Den evaluerende dimension </a:t>
          </a:r>
          <a:r>
            <a:rPr lang="da-DK" sz="2400" kern="1200" dirty="0" err="1"/>
            <a:t>ift</a:t>
          </a:r>
          <a:r>
            <a:rPr lang="da-DK" sz="2400" kern="1200" dirty="0"/>
            <a:t> både elevens og uddannelsens læring</a:t>
          </a:r>
          <a:endParaRPr lang="en-US" sz="2400" kern="1200" dirty="0"/>
        </a:p>
      </dsp:txBody>
      <dsp:txXfrm>
        <a:off x="46606" y="3280675"/>
        <a:ext cx="10422388" cy="86150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8/layout/LinedList">
  <dgm:title val=""/>
  <dgm:desc val=""/>
  <dgm:catLst>
    <dgm:cat type="hierarchy" pri="8000"/>
    <dgm:cat type="list" pri="2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clrData>
  <dgm:layoutNode name="vert0">
    <dgm:varLst>
      <dgm:dir/>
      <dgm:animOne val="branch"/>
      <dgm:animLvl val="lvl"/>
    </dgm:varLst>
    <dgm:choose name="Name0">
      <dgm:if name="Name1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horz1" refType="w"/>
      <dgm:constr type="h" for="ch" forName="horz1" refType="h"/>
      <dgm:constr type="h" for="des" forName="vert1" refType="h"/>
      <dgm:constr type="h" for="des" forName="tx1" refType="h"/>
      <dgm:constr type="h" for="des" forName="horz2" refType="h"/>
      <dgm:constr type="h" for="des" forName="vert2" refType="h"/>
      <dgm:constr type="h" for="des" forName="horz3" refType="h"/>
      <dgm:constr type="h" for="des" forName="vert3" refType="h"/>
      <dgm:constr type="h" for="des" forName="horz4" refType="h"/>
      <dgm:constr type="h" for="des" ptType="node" refType="h"/>
      <dgm:constr type="primFontSz" for="des" forName="tx1" op="equ" val="65"/>
      <dgm:constr type="primFontSz" for="des" forName="tx2" op="equ" val="65"/>
      <dgm:constr type="primFontSz" for="des" forName="tx3" op="equ" val="65"/>
      <dgm:constr type="primFontSz" for="des" forName="tx4" op="equ" val="65"/>
      <dgm:constr type="w" for="des" forName="thickLine" refType="w"/>
      <dgm:constr type="h" for="des" forName="thickLine"/>
      <dgm:constr type="h" for="des" forName="thinLine1"/>
      <dgm:constr type="h" for="des" forName="thinLine2b"/>
      <dgm:constr type="h" for="des" forName="thinLine3"/>
      <dgm:constr type="h" for="des" forName="vertSpace2a" refType="h" fact="0.05"/>
      <dgm:constr type="h" for="des" forName="vertSpace2b" refType="h" refFor="des" refForName="vertSpace2a"/>
    </dgm:constrLst>
    <dgm:forEach name="Name3" axis="ch" ptType="node">
      <dgm:layoutNode name="thickLine" styleLbl="alignNode1">
        <dgm:alg type="sp"/>
        <dgm:shape xmlns:r="http://schemas.openxmlformats.org/officeDocument/2006/relationships" type="line" r:blip="">
          <dgm:adjLst/>
        </dgm:shape>
        <dgm:presOf/>
      </dgm:layoutNode>
      <dgm:layoutNode name="horz1">
        <dgm:choose name="Name4">
          <dgm:if name="Name5" func="var" arg="dir" op="equ" val="norm">
            <dgm:alg type="lin">
              <dgm:param type="linDir" val="fromL"/>
              <dgm:param type="nodeVertAlign" val="t"/>
            </dgm:alg>
          </dgm:if>
          <dgm:else name="Name6">
            <dgm:alg type="lin">
              <dgm:param type="linDir" val="fromR"/>
              <dgm:param type="nodeVertAlign" val="t"/>
            </dgm:alg>
          </dgm:else>
        </dgm:choose>
        <dgm:shape xmlns:r="http://schemas.openxmlformats.org/officeDocument/2006/relationships" r:blip="">
          <dgm:adjLst/>
        </dgm:shape>
        <dgm:presOf/>
        <dgm:choose name="Name7">
          <dgm:if name="Name8" axis="root des" func="maxDepth" op="equ" val="1">
            <dgm:constrLst>
              <dgm:constr type="w" for="ch" forName="tx1" refType="w"/>
            </dgm:constrLst>
          </dgm:if>
          <dgm:if name="Name9" axis="root des" func="maxDepth" op="equ" val="2">
            <dgm:constrLst>
              <dgm:constr type="w" for="ch" forName="tx1" refType="w" fact="0.2"/>
              <dgm:constr type="w" for="des" forName="tx2" refType="w" fact="0.785"/>
              <dgm:constr type="w" for="des" forName="horzSpace2" refType="w" fact="0.015"/>
              <dgm:constr type="w" for="des" forName="thinLine2b" refType="w" fact="0.8"/>
            </dgm:constrLst>
          </dgm:if>
          <dgm:if name="Name10" axis="root des" func="maxDepth" op="equ" val="3">
            <dgm:constrLst>
              <dgm:constr type="w" for="ch" forName="tx1" refType="w" fact="0.2"/>
              <dgm:constr type="w" for="des" forName="tx2" refType="w" fact="0.385"/>
              <dgm:constr type="w" for="des" forName="tx3" refType="w" fact="0.385"/>
              <dgm:constr type="w" for="des" forName="horzSpace2" refType="w" fact="0.015"/>
              <dgm:constr type="w" for="des" forName="horzSpace3" refType="w" fact="0.015"/>
              <dgm:constr type="w" for="des" forName="thinLine2b" refType="w" fact="0.8"/>
              <dgm:constr type="w" for="des" forName="thinLine3" refType="w" fact="0.385"/>
            </dgm:constrLst>
          </dgm:if>
          <dgm:if name="Name11" axis="root des" func="maxDepth" op="gte" val="4">
            <dgm:constrLst>
              <dgm:constr type="w" for="ch" forName="tx1" refType="w" fact="0.2"/>
              <dgm:constr type="w" for="des" forName="tx2" refType="w" fact="0.2516"/>
              <dgm:constr type="w" for="des" forName="tx3" refType="w" fact="0.2516"/>
              <dgm:constr type="w" for="des" forName="tx4" refType="w" fact="0.2516"/>
              <dgm:constr type="w" for="des" forName="horzSpace2" refType="w" fact="0.015"/>
              <dgm:constr type="w" for="des" forName="horzSpace3" refType="w" fact="0.015"/>
              <dgm:constr type="w" for="des" forName="horzSpace4" refType="w" fact="0.015"/>
              <dgm:constr type="w" for="des" forName="thinLine2b" refType="w" fact="0.8"/>
              <dgm:constr type="w" for="des" forName="thinLine3" refType="w" fact="0.5332"/>
            </dgm:constrLst>
          </dgm:if>
          <dgm:else name="Name12"/>
        </dgm:choose>
        <dgm:layoutNode name="tx1" styleLbl="revTx"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>
            <dgm:adjLst/>
          </dgm:shape>
          <dgm:presOf axis="self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layoutNode name="vert1">
          <dgm:choose name="Name13">
            <dgm:if name="Name14" func="var" arg="dir" op="equ" val="norm">
              <dgm:alg type="lin">
                <dgm:param type="linDir" val="fromT"/>
                <dgm:param type="nodeHorzAlign" val="l"/>
              </dgm:alg>
            </dgm:if>
            <dgm:else name="Name15">
              <dgm:alg type="lin">
                <dgm:param type="linDir" val="fromT"/>
                <dgm:param type="nodeHorzAlign" val="r"/>
              </dgm:alg>
            </dgm:else>
          </dgm:choose>
          <dgm:shape xmlns:r="http://schemas.openxmlformats.org/officeDocument/2006/relationships" r:blip="">
            <dgm:adjLst/>
          </dgm:shape>
          <dgm:presOf/>
          <dgm:forEach name="Name16" axis="ch" ptType="node">
            <dgm:choose name="Name17">
              <dgm:if name="Name18" axis="self" ptType="node" func="pos" op="equ" val="1">
                <dgm:layoutNode name="vertSpace2a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19"/>
            </dgm:choose>
            <dgm:layoutNode name="horz2">
              <dgm:choose name="Name20">
                <dgm:if name="Name21" func="var" arg="dir" op="equ" val="norm">
                  <dgm:alg type="lin">
                    <dgm:param type="linDir" val="fromL"/>
                    <dgm:param type="nodeVertAlign" val="t"/>
                  </dgm:alg>
                </dgm:if>
                <dgm:else name="Name22">
                  <dgm:alg type="lin">
                    <dgm:param type="linDir" val="fromR"/>
                    <dgm:param type="nodeVertAlign" val="t"/>
                  </dgm:alg>
                </dgm:else>
              </dgm:choose>
              <dgm:shape xmlns:r="http://schemas.openxmlformats.org/officeDocument/2006/relationships" r:blip="">
                <dgm:adjLst/>
              </dgm:shape>
              <dgm:presOf/>
              <dgm:layoutNode name="horzSpace2">
                <dgm:alg type="sp"/>
                <dgm:shape xmlns:r="http://schemas.openxmlformats.org/officeDocument/2006/relationships" r:blip="">
                  <dgm:adjLst/>
                </dgm:shape>
                <dgm:presOf/>
              </dgm:layoutNode>
              <dgm:layoutNode name="tx2" styleLbl="revTx">
                <dgm:alg type="tx">
                  <dgm:param type="parTxLTRAlign" val="l"/>
                  <dgm:param type="parTxRTLAlign" val="r"/>
                  <dgm:param type="txAnchorVert" val="t"/>
                </dgm:alg>
                <dgm:shape xmlns:r="http://schemas.openxmlformats.org/officeDocument/2006/relationships" type="rect" r:blip="">
                  <dgm:adjLst/>
                </dgm:shape>
                <dgm:presOf axis="self"/>
                <dgm:constrLst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vert2">
                <dgm:choose name="Name23">
                  <dgm:if name="Name24" func="var" arg="dir" op="equ" val="norm">
                    <dgm:alg type="lin">
                      <dgm:param type="linDir" val="fromT"/>
                      <dgm:param type="nodeHorzAlign" val="l"/>
                    </dgm:alg>
                  </dgm:if>
                  <dgm:else name="Name25">
                    <dgm:alg type="lin">
                      <dgm:param type="linDir" val="fromT"/>
                      <dgm:param type="nodeHorzAlign" val="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forEach name="Name26" axis="ch" ptType="node">
                  <dgm:layoutNode name="horz3">
                    <dgm:choose name="Name27">
                      <dgm:if name="Name28" func="var" arg="dir" op="equ" val="norm">
                        <dgm:alg type="lin">
                          <dgm:param type="linDir" val="fromL"/>
                          <dgm:param type="nodeVertAlign" val="t"/>
                        </dgm:alg>
                      </dgm:if>
                      <dgm:else name="Name29">
                        <dgm:alg type="lin">
                          <dgm:param type="linDir" val="fromR"/>
                          <dgm:param type="nodeVertAlign" val="t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layoutNode name="horzSpace3">
                      <dgm:alg type="sp"/>
                      <dgm:shape xmlns:r="http://schemas.openxmlformats.org/officeDocument/2006/relationships" r:blip="">
                        <dgm:adjLst/>
                      </dgm:shape>
                      <dgm:presOf/>
                    </dgm:layoutNode>
                    <dgm:layoutNode name="tx3" styleLbl="revTx">
                      <dgm:alg type="tx">
                        <dgm:param type="parTxLTRAlign" val="l"/>
                        <dgm:param type="parTxRTLAlign" val="r"/>
                        <dgm:param type="txAnchorVert" val="t"/>
                      </dgm:alg>
                      <dgm:shape xmlns:r="http://schemas.openxmlformats.org/officeDocument/2006/relationships" type="rect" r:blip="">
                        <dgm:adjLst/>
                      </dgm:shape>
                      <dgm:presOf axis="self"/>
                      <dgm:constrLst>
                        <dgm:constr type="tMarg" refType="primFontSz" fact="0.3"/>
                        <dgm:constr type="bMarg" refType="primFontSz" fact="0.3"/>
                        <dgm:constr type="lMarg" refType="primFontSz" fact="0.3"/>
                        <dgm:constr type="rMarg" refType="primFontSz" fact="0.3"/>
                      </dgm:constrLst>
                      <dgm:ruleLst>
                        <dgm:rule type="primFontSz" val="5" fact="NaN" max="NaN"/>
                      </dgm:ruleLst>
                    </dgm:layoutNode>
                    <dgm:layoutNode name="vert3">
                      <dgm:choose name="Name30">
                        <dgm:if name="Name31" func="var" arg="dir" op="equ" val="norm">
                          <dgm:alg type="lin">
                            <dgm:param type="linDir" val="fromT"/>
                            <dgm:param type="nodeHorzAlign" val="l"/>
                          </dgm:alg>
                        </dgm:if>
                        <dgm:else name="Name32">
                          <dgm:alg type="lin">
                            <dgm:param type="linDir" val="fromT"/>
                            <dgm:param type="nodeHorzAlign" val="r"/>
                          </dgm:alg>
                        </dgm:else>
                      </dgm:choose>
                      <dgm:shape xmlns:r="http://schemas.openxmlformats.org/officeDocument/2006/relationships" r:blip="">
                        <dgm:adjLst/>
                      </dgm:shape>
                      <dgm:presOf/>
                      <dgm:forEach name="Name33" axis="ch" ptType="node">
                        <dgm:layoutNode name="horz4">
                          <dgm:choose name="Name34">
                            <dgm:if name="Name35" func="var" arg="dir" op="equ" val="norm">
                              <dgm:alg type="lin">
                                <dgm:param type="linDir" val="fromL"/>
                                <dgm:param type="nodeVertAlign" val="t"/>
                              </dgm:alg>
                            </dgm:if>
                            <dgm:else name="Name36">
                              <dgm:alg type="lin">
                                <dgm:param type="linDir" val="fromR"/>
                                <dgm:param type="nodeVertAlign" val="t"/>
                              </dgm:alg>
                            </dgm:else>
                          </dgm:choose>
                          <dgm:shape xmlns:r="http://schemas.openxmlformats.org/officeDocument/2006/relationships" r:blip="">
                            <dgm:adjLst/>
                          </dgm:shape>
                          <dgm:presOf/>
                          <dgm:layoutNode name="horzSpace4">
                            <dgm:alg type="sp"/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</dgm:layoutNode>
                          <dgm:layoutNode name="tx4" styleLbl="revTx">
                            <dgm:varLst>
                              <dgm:bulletEnabled val="1"/>
                            </dgm:varLst>
                            <dgm:alg type="tx">
                              <dgm:param type="parTxLTRAlign" val="l"/>
                              <dgm:param type="parTxRTLAlign" val="r"/>
                              <dgm:param type="txAnchorVert" val="t"/>
                            </dgm:alg>
                            <dgm:shape xmlns:r="http://schemas.openxmlformats.org/officeDocument/2006/relationships" type="rect" r:blip="">
                              <dgm:adjLst/>
                            </dgm:shape>
                            <dgm:presOf axis="desOrSelf" ptType="node"/>
                            <dgm:constrLst>
                              <dgm:constr type="tMarg" refType="primFontSz" fact="0.3"/>
                              <dgm:constr type="bMarg" refType="primFontSz" fact="0.3"/>
                              <dgm:constr type="lMarg" refType="primFontSz" fact="0.3"/>
                              <dgm:constr type="rMarg" refType="primFontSz" fact="0.3"/>
                            </dgm:constrLst>
                            <dgm:ruleLst>
                              <dgm:rule type="primFontSz" val="5" fact="NaN" max="NaN"/>
                            </dgm:ruleLst>
                          </dgm:layoutNode>
                        </dgm:layoutNode>
                      </dgm:forEach>
                    </dgm:layoutNode>
                  </dgm:layoutNode>
                  <dgm:forEach name="Name37" axis="followSib" ptType="sibTrans" cnt="1">
                    <dgm:layoutNode name="thinLine3" styleLbl="callout">
                      <dgm:alg type="sp"/>
                      <dgm:shape xmlns:r="http://schemas.openxmlformats.org/officeDocument/2006/relationships" type="line" r:blip="">
                        <dgm:adjLst/>
                      </dgm:shape>
                      <dgm:presOf/>
                    </dgm:layoutNode>
                  </dgm:forEach>
                </dgm:forEach>
              </dgm:layoutNode>
            </dgm:layoutNode>
            <dgm:layoutNode name="thinLine2b" styleLbl="callout">
              <dgm:alg type="sp"/>
              <dgm:shape xmlns:r="http://schemas.openxmlformats.org/officeDocument/2006/relationships" type="line" r:blip="">
                <dgm:adjLst/>
              </dgm:shape>
              <dgm:presOf/>
            </dgm:layoutNode>
            <dgm:layoutNode name="vertSpace2b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forEach>
        </dgm:layoutNode>
      </dgm:layoutNod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26FE3AE-6691-495E-B963-DDE2D31ADADB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ED2AF7F-8F4D-4301-9947-B34018CD000E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91643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Goddag m.v. 15 min.</a:t>
            </a:r>
          </a:p>
          <a:p>
            <a:endParaRPr lang="da-DK" dirty="0"/>
          </a:p>
          <a:p>
            <a:r>
              <a:rPr lang="da-DK" dirty="0"/>
              <a:t>Kort præsentation af Jan, Jørgen og Hanne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10832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7041" name="Pladsholder til slidebillede 1">
            <a:extLst>
              <a:ext uri="{FF2B5EF4-FFF2-40B4-BE49-F238E27FC236}">
                <a16:creationId xmlns:a16="http://schemas.microsoft.com/office/drawing/2014/main" id="{B2990C96-8C14-EA43-ABBC-F542E4031B51}"/>
              </a:ext>
            </a:extLst>
          </p:cNvPr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87042" name="Pladsholder til noter 2">
            <a:extLst>
              <a:ext uri="{FF2B5EF4-FFF2-40B4-BE49-F238E27FC236}">
                <a16:creationId xmlns:a16="http://schemas.microsoft.com/office/drawing/2014/main" id="{7F733373-417D-5743-A289-47E4421241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>
              <a:latin typeface="Arial" panose="020B060402020202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87043" name="Pladsholder til slidenummer 3">
            <a:extLst>
              <a:ext uri="{FF2B5EF4-FFF2-40B4-BE49-F238E27FC236}">
                <a16:creationId xmlns:a16="http://schemas.microsoft.com/office/drawing/2014/main" id="{B6A1C1D2-1F46-D848-BE63-4431CF24FA4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fld id="{2FEB4868-598C-2648-93B1-F45911262AA1}" type="slidenum">
              <a:rPr lang="da-DK" altLang="da-DK"/>
              <a:pPr/>
              <a:t>4</a:t>
            </a:fld>
            <a:endParaRPr lang="da-DK" altLang="da-DK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329" name="Pladsholder til slidebillede 1">
            <a:extLst>
              <a:ext uri="{FF2B5EF4-FFF2-40B4-BE49-F238E27FC236}">
                <a16:creationId xmlns:a16="http://schemas.microsoft.com/office/drawing/2014/main" id="{7EF6B875-8587-5F4A-966A-14CFE73535EC}"/>
              </a:ext>
            </a:extLst>
          </p:cNvPr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99330" name="Pladsholder til noter 2">
            <a:extLst>
              <a:ext uri="{FF2B5EF4-FFF2-40B4-BE49-F238E27FC236}">
                <a16:creationId xmlns:a16="http://schemas.microsoft.com/office/drawing/2014/main" id="{6A27D13C-1B35-F144-B458-474F4DE97C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da-DK" altLang="da-DK">
              <a:latin typeface="Arial" panose="020B060402020202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99331" name="Pladsholder til slidenummer 3">
            <a:extLst>
              <a:ext uri="{FF2B5EF4-FFF2-40B4-BE49-F238E27FC236}">
                <a16:creationId xmlns:a16="http://schemas.microsoft.com/office/drawing/2014/main" id="{7B0595AD-EA9E-7A46-AC75-2886A08E18C9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fld id="{8B1CE3C6-CC55-6C47-8516-B7357D2312BC}" type="slidenum">
              <a:rPr lang="da-DK" altLang="da-DK"/>
              <a:pPr/>
              <a:t>14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5384616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SAMR-modellen kan være et godt og kraftfuldt afsæt til både planlægning, gennemførelse og evaluering af undervisnings- og læringsaktiviteter som inddrager digitale teknologier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626584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I forbindelse med ”Maines Learning Technology </a:t>
            </a:r>
            <a:r>
              <a:rPr lang="da-DK" dirty="0" err="1"/>
              <a:t>Initative</a:t>
            </a:r>
            <a:r>
              <a:rPr lang="da-DK" dirty="0"/>
              <a:t>”, hvor den amerikanske stat Maine uddelte en bærbar computer til alle skoleelever og alle lærere, har den amerikanske skolekonsulent, Dr. Ruben R. </a:t>
            </a:r>
            <a:r>
              <a:rPr lang="da-DK" dirty="0" err="1"/>
              <a:t>Puentedura</a:t>
            </a:r>
            <a:r>
              <a:rPr lang="da-DK" dirty="0"/>
              <a:t>, udviklet en model, som flittigt er blevet brugt i forbindelse med pædagogiske it-projekter rundt omkring i verden – også i Danmark. </a:t>
            </a:r>
          </a:p>
          <a:p>
            <a:r>
              <a:rPr lang="da-DK" dirty="0"/>
              <a:t>Beskriver 4 anvendelsesfaser, man kan er i, når man arbejder med transformerende og udviklingsorienterende anvendelse af it i undervisning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441225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1" name="Rectangle 7">
            <a:extLst>
              <a:ext uri="{FF2B5EF4-FFF2-40B4-BE49-F238E27FC236}">
                <a16:creationId xmlns:a16="http://schemas.microsoft.com/office/drawing/2014/main" id="{385DD319-A58E-CE42-B7EB-1E9FB6D7DBEC}"/>
              </a:ext>
            </a:extLst>
          </p:cNvPr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fld id="{7427B2C3-E265-3E4D-B482-3B7D09DB6A07}" type="slidenum">
              <a:rPr lang="da-DK" altLang="da-DK">
                <a:latin typeface="Times New Roman" panose="02020603050405020304" pitchFamily="18" charset="0"/>
              </a:rPr>
              <a:pPr/>
              <a:t>25</a:t>
            </a:fld>
            <a:endParaRPr lang="da-DK" altLang="da-DK">
              <a:latin typeface="Times New Roman" panose="02020603050405020304" pitchFamily="18" charset="0"/>
            </a:endParaRPr>
          </a:p>
        </p:txBody>
      </p:sp>
      <p:sp>
        <p:nvSpPr>
          <p:cNvPr id="61442" name="Rectangle 2">
            <a:extLst>
              <a:ext uri="{FF2B5EF4-FFF2-40B4-BE49-F238E27FC236}">
                <a16:creationId xmlns:a16="http://schemas.microsoft.com/office/drawing/2014/main" id="{926845C6-9D6D-5846-99FE-60C5674D934E}"/>
              </a:ext>
            </a:extLst>
          </p:cNvPr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61443" name="Rectangle 3">
            <a:extLst>
              <a:ext uri="{FF2B5EF4-FFF2-40B4-BE49-F238E27FC236}">
                <a16:creationId xmlns:a16="http://schemas.microsoft.com/office/drawing/2014/main" id="{CC03B9D6-1F7E-484D-9616-81E95D1C9DC4}"/>
              </a:ext>
            </a:extLst>
          </p:cNvPr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da-DK" altLang="da-DK">
              <a:latin typeface="Times New Roman" panose="02020603050405020304" pitchFamily="18" charset="0"/>
              <a:ea typeface="ＭＳ Ｐゴシック" panose="020B0600070205080204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426762356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FB92B3D-2AAC-408A-8384-B610B6F74E2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4EF4D7BC-EB95-4727-B0D9-AB57F29ACE6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AD8CBBD-F46F-41F1-A50E-C89C3E0156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B51B09F-D2D0-4BB5-BADD-57EAFF65CD4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51EFB7F7-9C40-44FD-9F03-50DD9C72E1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005550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A413D4-338E-481D-B0A6-583DE53602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74F91F19-6256-4061-A2CA-75DA08A201B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A434E2B-751F-4CBB-8EDB-BE1032F3CD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71184594-09E0-4AFD-821D-C5C28D8BE0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72932B6-3C7A-4382-A605-6BA4B6E401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987686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A0FB6FEC-157D-4EDC-A83C-A35917354E0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52C36F21-3719-4C3A-83C2-1F936626081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8DFED51-CC79-43F2-91C5-5DE89CA044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3117F0A5-4CD9-43BC-9BA5-43FE630A967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20A4B90-8112-4F0E-A545-45DC243D726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93680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1018118" y="2421467"/>
            <a:ext cx="9984316" cy="345651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4416509" y="6367370"/>
            <a:ext cx="3407683" cy="184665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31. jan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5812976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1018116" y="2421467"/>
            <a:ext cx="4800000" cy="3456517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6239934" y="2421467"/>
            <a:ext cx="4762677" cy="3456517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4416509" y="6367370"/>
            <a:ext cx="3407683" cy="184665"/>
          </a:xfrm>
          <a:prstGeom prst="rect">
            <a:avLst/>
          </a:prstGeom>
        </p:spPr>
        <p:txBody>
          <a:bodyPr lIns="0" tIns="0" rIns="0" bIns="0"/>
          <a:lstStyle>
            <a:lvl1pPr>
              <a:defRPr sz="12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31. janua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935709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A099ED0-C153-44E2-93CF-94B59D4C75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A7AE745-72FB-46CD-8338-FA957C07166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675F27C-BA60-4016-9209-1E3F3C7D4F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7E3F149-E265-4448-B6BD-74E859C549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62EC7B1-0CE7-4AED-8FE3-47B611DA6F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0410787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A6BC88-D968-41B6-9D1B-C96C37155A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C894F29F-E7E7-4C3B-ACE8-B857587EC98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6E7AA32-C8ED-4100-A94D-0A3A6BCCD7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263D84A-6EA3-482C-AC88-0893DAFFF1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F86DF65-79FA-4701-9FA2-2B8B1270C3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792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B8EC26C-5EF2-40E8-B25C-5430B86756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B071631-AACA-42D9-9770-4B6494940A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CB89CD6-BFFD-4085-9E77-15B400D5194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9AC6D73F-23E6-4DC5-B33B-5AD3E4387A2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168878D-7C96-4EBF-B74C-9704A727BF1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658F075-D36C-4115-B6A0-22162E19EB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2388884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6295125-56B7-408E-A3E6-1C8B12007B4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11B9DFD7-FF3F-4A73-9A06-0BCB1D2EFA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D58306E9-3984-45F6-B266-A3618FA37E1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450454BC-0EA0-4FB1-9B45-96E568173A3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D238B491-E4AE-4663-9566-1387852AE77F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A68A61DA-C31F-4ED6-91AD-FFF3051AC8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6B6B36E0-59A8-47B6-A2B6-CE34C74398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5705F8A-972C-46CC-B883-2FB302F2F36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711975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E8FCCB-CD77-439A-9196-4A23C660D6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D2ABB985-4364-4CC5-92B1-15C2EE8CF4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B714F6E8-A5EC-473F-A93E-27211FB8B6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7A1BCBE-5C76-428D-B566-BDDFB81297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686180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AC0B4C3C-0A8D-4CED-9DCA-D345862E96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F7D50455-1D38-46B3-A1BC-1A649C5475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1917477-3207-4C6E-9D29-DC141CF8A8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26018253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4084672-1F01-4782-8412-03F7375113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A7FD676-A46F-4D80-ADF1-FFBEFA37CD0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670CCDF2-CFD4-4A35-87A5-951E41FE694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3C22B76-BDEE-46C8-B451-574C732AE4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B0196A3-0689-4B6E-8C44-47CBE6799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D80F9D30-C4CA-4818-9A11-C4832AECCF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965231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43830ED-D8CA-4365-980A-2BFD8C3396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67C6080C-B6A0-40BB-B010-02802066C779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ADE7F4C6-FBAA-4A8A-8B3D-69F1D9324A8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540C3AC-B768-400B-953E-FBAD315DFA8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80B5CA9-2FF7-4492-A4F0-65C626BD81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4A23CA08-F198-44B2-86F6-C77A5DAE28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1831746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EEB97597-F085-40A6-8824-6A10FB641FB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42AB7564-3827-4CA6-A48A-F3D7C070E07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7E5EF4F-58F0-4F0D-BF97-5CFBDB2910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E65E25E-2376-4E40-93C1-79938D64EB6A}" type="datetimeFigureOut">
              <a:rPr lang="da-DK" smtClean="0"/>
              <a:t>31-01-2021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37DC4DA-E160-456D-97B8-A5495A714B3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B06983B-F402-410A-852C-E79BA96B087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76E1D6-0743-44B9-87A9-DF59EB91F6A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901353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jpe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3.xml"/><Relationship Id="rId7" Type="http://schemas.microsoft.com/office/2007/relationships/diagramDrawing" Target="../diagrams/drawing3.xml"/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12.xml"/><Relationship Id="rId6" Type="http://schemas.openxmlformats.org/officeDocument/2006/relationships/diagramColors" Target="../diagrams/colors3.xml"/><Relationship Id="rId5" Type="http://schemas.openxmlformats.org/officeDocument/2006/relationships/diagramQuickStyle" Target="../diagrams/quickStyle3.xml"/><Relationship Id="rId4" Type="http://schemas.openxmlformats.org/officeDocument/2006/relationships/diagramLayout" Target="../diagrams/layout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1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g"/><Relationship Id="rId1" Type="http://schemas.openxmlformats.org/officeDocument/2006/relationships/slideLayout" Target="../slideLayouts/slideLayout1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.xml"/><Relationship Id="rId4" Type="http://schemas.openxmlformats.org/officeDocument/2006/relationships/image" Target="../media/image27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7" Type="http://schemas.openxmlformats.org/officeDocument/2006/relationships/hyperlink" Target="https://youtu.be/_QOsz4AaZ2k" TargetMode="Externa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2.xml"/><Relationship Id="rId6" Type="http://schemas.openxmlformats.org/officeDocument/2006/relationships/hyperlink" Target="http://hippasus.com/blog/" TargetMode="External"/><Relationship Id="rId5" Type="http://schemas.openxmlformats.org/officeDocument/2006/relationships/image" Target="../media/image27.png"/><Relationship Id="rId4" Type="http://schemas.openxmlformats.org/officeDocument/2006/relationships/image" Target="../media/image28.jp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://www.jstor.org/stable/j.ctt1xp3tm1" TargetMode="External"/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2.xml"/><Relationship Id="rId4" Type="http://schemas.openxmlformats.org/officeDocument/2006/relationships/hyperlink" Target="https://emu.dk/sites/default/files/2020-03/Inspirationskatalog.pdf" TargetMode="Externa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sv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svg"/><Relationship Id="rId5" Type="http://schemas.openxmlformats.org/officeDocument/2006/relationships/image" Target="../media/image10.png"/><Relationship Id="rId4" Type="http://schemas.openxmlformats.org/officeDocument/2006/relationships/image" Target="../media/image9.sv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wllabs.com/blog/video-conferencing-hardware" TargetMode="External"/><Relationship Id="rId2" Type="http://schemas.openxmlformats.org/officeDocument/2006/relationships/hyperlink" Target="https://ethinkeducation.com/blog/what-is-hybrid-learning-how-to-implement-a-hybrid-learning-strategy/" TargetMode="External"/><Relationship Id="rId1" Type="http://schemas.openxmlformats.org/officeDocument/2006/relationships/slideLayout" Target="../slideLayouts/slideLayout4.xml"/><Relationship Id="rId4" Type="http://schemas.openxmlformats.org/officeDocument/2006/relationships/hyperlink" Target="https://www.owllabs.com/blog/best-meeting-apps" TargetMode="Externa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0" name="Rectangle 20">
            <a:extLst>
              <a:ext uri="{FF2B5EF4-FFF2-40B4-BE49-F238E27FC236}">
                <a16:creationId xmlns:a16="http://schemas.microsoft.com/office/drawing/2014/main" id="{D776D29F-0A2C-4F75-8582-7C7DFCBD11D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7E1C6B85-2356-47A0-B0E4-12F5826825E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76785" y="2570456"/>
            <a:ext cx="4375151" cy="2858363"/>
          </a:xfrm>
        </p:spPr>
        <p:txBody>
          <a:bodyPr>
            <a:normAutofit fontScale="90000"/>
          </a:bodyPr>
          <a:lstStyle/>
          <a:p>
            <a:pPr algn="l"/>
            <a:r>
              <a:rPr lang="da-DK" sz="6700" b="1" dirty="0">
                <a:solidFill>
                  <a:schemeClr val="bg1"/>
                </a:solidFill>
                <a:latin typeface="+mn-lt"/>
              </a:rPr>
              <a:t>Hybride formater: Pædagogik, ledelse og undervisere</a:t>
            </a:r>
          </a:p>
        </p:txBody>
      </p:sp>
      <p:pic>
        <p:nvPicPr>
          <p:cNvPr id="16" name="Content Placeholder 7" descr="Et billede, der indeholder tekst, linjetegning&#10;&#10;Automatisk genereret beskrivelse">
            <a:extLst>
              <a:ext uri="{FF2B5EF4-FFF2-40B4-BE49-F238E27FC236}">
                <a16:creationId xmlns:a16="http://schemas.microsoft.com/office/drawing/2014/main" id="{CDD8D7B7-12CE-4137-861E-6BE47482E50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869" r="-2" b="10429"/>
          <a:stretch/>
        </p:blipFill>
        <p:spPr>
          <a:xfrm>
            <a:off x="5682343" y="1"/>
            <a:ext cx="6509657" cy="6857999"/>
          </a:xfrm>
          <a:custGeom>
            <a:avLst/>
            <a:gdLst/>
            <a:ahLst/>
            <a:cxnLst/>
            <a:rect l="l" t="t" r="r" b="b"/>
            <a:pathLst>
              <a:path w="6509657" h="6857999">
                <a:moveTo>
                  <a:pt x="752157" y="6118149"/>
                </a:moveTo>
                <a:cubicBezTo>
                  <a:pt x="745608" y="6124102"/>
                  <a:pt x="737987" y="6129341"/>
                  <a:pt x="730938" y="6133722"/>
                </a:cubicBezTo>
                <a:cubicBezTo>
                  <a:pt x="723794" y="6138152"/>
                  <a:pt x="718448" y="6143474"/>
                  <a:pt x="714778" y="6149379"/>
                </a:cubicBezTo>
                <a:lnTo>
                  <a:pt x="709303" y="6166562"/>
                </a:lnTo>
                <a:lnTo>
                  <a:pt x="714778" y="6149380"/>
                </a:lnTo>
                <a:cubicBezTo>
                  <a:pt x="718448" y="6143474"/>
                  <a:pt x="723794" y="6138152"/>
                  <a:pt x="730938" y="6133723"/>
                </a:cubicBezTo>
                <a:cubicBezTo>
                  <a:pt x="737987" y="6129341"/>
                  <a:pt x="745608" y="6124102"/>
                  <a:pt x="752157" y="6118149"/>
                </a:cubicBezTo>
                <a:close/>
                <a:moveTo>
                  <a:pt x="844000" y="4941372"/>
                </a:moveTo>
                <a:lnTo>
                  <a:pt x="840670" y="4950868"/>
                </a:lnTo>
                <a:lnTo>
                  <a:pt x="830985" y="4991382"/>
                </a:lnTo>
                <a:lnTo>
                  <a:pt x="840670" y="4950869"/>
                </a:lnTo>
                <a:close/>
                <a:moveTo>
                  <a:pt x="840061" y="4749807"/>
                </a:moveTo>
                <a:cubicBezTo>
                  <a:pt x="852197" y="4762827"/>
                  <a:pt x="853054" y="4781365"/>
                  <a:pt x="854768" y="4799797"/>
                </a:cubicBezTo>
                <a:cubicBezTo>
                  <a:pt x="853054" y="4781365"/>
                  <a:pt x="852197" y="4762826"/>
                  <a:pt x="840061" y="4749807"/>
                </a:cubicBezTo>
                <a:close/>
                <a:moveTo>
                  <a:pt x="822263" y="4543185"/>
                </a:moveTo>
                <a:lnTo>
                  <a:pt x="816857" y="4557091"/>
                </a:lnTo>
                <a:cubicBezTo>
                  <a:pt x="805236" y="4573618"/>
                  <a:pt x="796449" y="4588275"/>
                  <a:pt x="790493" y="4602021"/>
                </a:cubicBezTo>
                <a:cubicBezTo>
                  <a:pt x="796449" y="4588275"/>
                  <a:pt x="805236" y="4573618"/>
                  <a:pt x="816857" y="4557092"/>
                </a:cubicBezTo>
                <a:cubicBezTo>
                  <a:pt x="819238" y="4553662"/>
                  <a:pt x="821286" y="4548281"/>
                  <a:pt x="822263" y="4543185"/>
                </a:cubicBezTo>
                <a:close/>
                <a:moveTo>
                  <a:pt x="356045" y="2819253"/>
                </a:moveTo>
                <a:lnTo>
                  <a:pt x="344401" y="2827483"/>
                </a:lnTo>
                <a:lnTo>
                  <a:pt x="344399" y="2827486"/>
                </a:lnTo>
                <a:lnTo>
                  <a:pt x="325550" y="2842392"/>
                </a:lnTo>
                <a:lnTo>
                  <a:pt x="315896" y="2861156"/>
                </a:lnTo>
                <a:lnTo>
                  <a:pt x="344399" y="2827486"/>
                </a:lnTo>
                <a:lnTo>
                  <a:pt x="344401" y="2827484"/>
                </a:lnTo>
                <a:close/>
                <a:moveTo>
                  <a:pt x="425699" y="1974015"/>
                </a:moveTo>
                <a:cubicBezTo>
                  <a:pt x="427224" y="1991685"/>
                  <a:pt x="433462" y="2008497"/>
                  <a:pt x="449941" y="2023547"/>
                </a:cubicBezTo>
                <a:cubicBezTo>
                  <a:pt x="441702" y="2016020"/>
                  <a:pt x="436022" y="2008056"/>
                  <a:pt x="432213" y="1999763"/>
                </a:cubicBezTo>
                <a:close/>
                <a:moveTo>
                  <a:pt x="442893" y="1768838"/>
                </a:moveTo>
                <a:cubicBezTo>
                  <a:pt x="451656" y="1779981"/>
                  <a:pt x="453942" y="1790986"/>
                  <a:pt x="452275" y="1801558"/>
                </a:cubicBezTo>
                <a:lnTo>
                  <a:pt x="451495" y="1785412"/>
                </a:lnTo>
                <a:cubicBezTo>
                  <a:pt x="450037" y="1779948"/>
                  <a:pt x="447274" y="1774411"/>
                  <a:pt x="442893" y="1768838"/>
                </a:cubicBezTo>
                <a:close/>
                <a:moveTo>
                  <a:pt x="333304" y="520953"/>
                </a:moveTo>
                <a:cubicBezTo>
                  <a:pt x="333743" y="528850"/>
                  <a:pt x="335480" y="536547"/>
                  <a:pt x="337867" y="544146"/>
                </a:cubicBezTo>
                <a:lnTo>
                  <a:pt x="340032" y="549926"/>
                </a:lnTo>
                <a:lnTo>
                  <a:pt x="340448" y="551717"/>
                </a:lnTo>
                <a:lnTo>
                  <a:pt x="346286" y="566616"/>
                </a:lnTo>
                <a:lnTo>
                  <a:pt x="346338" y="566754"/>
                </a:lnTo>
                <a:lnTo>
                  <a:pt x="352655" y="583595"/>
                </a:lnTo>
                <a:lnTo>
                  <a:pt x="359452" y="612658"/>
                </a:lnTo>
                <a:cubicBezTo>
                  <a:pt x="358987" y="604728"/>
                  <a:pt x="357230" y="597005"/>
                  <a:pt x="354829" y="589388"/>
                </a:cubicBezTo>
                <a:lnTo>
                  <a:pt x="352655" y="583595"/>
                </a:lnTo>
                <a:lnTo>
                  <a:pt x="352236" y="581804"/>
                </a:lnTo>
                <a:lnTo>
                  <a:pt x="346286" y="566616"/>
                </a:lnTo>
                <a:lnTo>
                  <a:pt x="340032" y="549926"/>
                </a:lnTo>
                <a:close/>
                <a:moveTo>
                  <a:pt x="384407" y="268794"/>
                </a:moveTo>
                <a:lnTo>
                  <a:pt x="387838" y="328017"/>
                </a:lnTo>
                <a:cubicBezTo>
                  <a:pt x="389527" y="318646"/>
                  <a:pt x="389932" y="309031"/>
                  <a:pt x="389283" y="299164"/>
                </a:cubicBezTo>
                <a:cubicBezTo>
                  <a:pt x="388635" y="289296"/>
                  <a:pt x="386932" y="279176"/>
                  <a:pt x="384407" y="268794"/>
                </a:cubicBezTo>
                <a:close/>
                <a:moveTo>
                  <a:pt x="66991" y="0"/>
                </a:moveTo>
                <a:lnTo>
                  <a:pt x="6509657" y="0"/>
                </a:lnTo>
                <a:lnTo>
                  <a:pt x="6509657" y="6857999"/>
                </a:lnTo>
                <a:lnTo>
                  <a:pt x="149318" y="6857999"/>
                </a:lnTo>
                <a:lnTo>
                  <a:pt x="149318" y="6857457"/>
                </a:lnTo>
                <a:lnTo>
                  <a:pt x="22079" y="6857457"/>
                </a:lnTo>
                <a:lnTo>
                  <a:pt x="26850" y="6796804"/>
                </a:lnTo>
                <a:cubicBezTo>
                  <a:pt x="32161" y="6777207"/>
                  <a:pt x="39591" y="6758011"/>
                  <a:pt x="44354" y="6738388"/>
                </a:cubicBezTo>
                <a:cubicBezTo>
                  <a:pt x="48736" y="6720103"/>
                  <a:pt x="58832" y="6702955"/>
                  <a:pt x="67214" y="6685617"/>
                </a:cubicBezTo>
                <a:cubicBezTo>
                  <a:pt x="83217" y="6652472"/>
                  <a:pt x="73120" y="6617036"/>
                  <a:pt x="77310" y="6583128"/>
                </a:cubicBezTo>
                <a:cubicBezTo>
                  <a:pt x="78645" y="6572269"/>
                  <a:pt x="80168" y="6561411"/>
                  <a:pt x="82837" y="6550742"/>
                </a:cubicBezTo>
                <a:cubicBezTo>
                  <a:pt x="89885" y="6521593"/>
                  <a:pt x="95981" y="6491874"/>
                  <a:pt x="105697" y="6463490"/>
                </a:cubicBezTo>
                <a:cubicBezTo>
                  <a:pt x="116556" y="6431292"/>
                  <a:pt x="131034" y="6400429"/>
                  <a:pt x="146086" y="6363664"/>
                </a:cubicBezTo>
                <a:cubicBezTo>
                  <a:pt x="142275" y="6350899"/>
                  <a:pt x="131986" y="6331277"/>
                  <a:pt x="131034" y="6311084"/>
                </a:cubicBezTo>
                <a:cubicBezTo>
                  <a:pt x="127795" y="6246121"/>
                  <a:pt x="145513" y="6185351"/>
                  <a:pt x="173518" y="6127247"/>
                </a:cubicBezTo>
                <a:cubicBezTo>
                  <a:pt x="181899" y="6109530"/>
                  <a:pt x="187424" y="6090477"/>
                  <a:pt x="195616" y="6072569"/>
                </a:cubicBezTo>
                <a:cubicBezTo>
                  <a:pt x="198472" y="6066284"/>
                  <a:pt x="204569" y="6058092"/>
                  <a:pt x="210285" y="6056948"/>
                </a:cubicBezTo>
                <a:cubicBezTo>
                  <a:pt x="243432" y="6050282"/>
                  <a:pt x="242863" y="6025515"/>
                  <a:pt x="244766" y="5999796"/>
                </a:cubicBezTo>
                <a:cubicBezTo>
                  <a:pt x="247051" y="5969124"/>
                  <a:pt x="252386" y="5938836"/>
                  <a:pt x="256958" y="5908355"/>
                </a:cubicBezTo>
                <a:cubicBezTo>
                  <a:pt x="257530" y="5904353"/>
                  <a:pt x="261531" y="5900735"/>
                  <a:pt x="264200" y="5897114"/>
                </a:cubicBezTo>
                <a:cubicBezTo>
                  <a:pt x="268199" y="5891590"/>
                  <a:pt x="274295" y="5886447"/>
                  <a:pt x="275818" y="5880348"/>
                </a:cubicBezTo>
                <a:cubicBezTo>
                  <a:pt x="283249" y="5849107"/>
                  <a:pt x="289535" y="5817674"/>
                  <a:pt x="296393" y="5786239"/>
                </a:cubicBezTo>
                <a:cubicBezTo>
                  <a:pt x="297918" y="5779191"/>
                  <a:pt x="299823" y="5771953"/>
                  <a:pt x="302870" y="5765474"/>
                </a:cubicBezTo>
                <a:cubicBezTo>
                  <a:pt x="305728" y="5759378"/>
                  <a:pt x="310683" y="5754234"/>
                  <a:pt x="313730" y="5748136"/>
                </a:cubicBezTo>
                <a:cubicBezTo>
                  <a:pt x="321920" y="5731564"/>
                  <a:pt x="329541" y="5714607"/>
                  <a:pt x="338685" y="5695178"/>
                </a:cubicBezTo>
                <a:cubicBezTo>
                  <a:pt x="321541" y="5684320"/>
                  <a:pt x="331257" y="5669647"/>
                  <a:pt x="339447" y="5651360"/>
                </a:cubicBezTo>
                <a:cubicBezTo>
                  <a:pt x="347830" y="5632691"/>
                  <a:pt x="350497" y="5611164"/>
                  <a:pt x="353545" y="5590590"/>
                </a:cubicBezTo>
                <a:cubicBezTo>
                  <a:pt x="359070" y="5552869"/>
                  <a:pt x="362499" y="5514957"/>
                  <a:pt x="367451" y="5477239"/>
                </a:cubicBezTo>
                <a:cubicBezTo>
                  <a:pt x="368595" y="5469236"/>
                  <a:pt x="370690" y="5460092"/>
                  <a:pt x="375454" y="5453995"/>
                </a:cubicBezTo>
                <a:cubicBezTo>
                  <a:pt x="407459" y="5412276"/>
                  <a:pt x="416411" y="5361598"/>
                  <a:pt x="413366" y="5313403"/>
                </a:cubicBezTo>
                <a:cubicBezTo>
                  <a:pt x="411078" y="5275491"/>
                  <a:pt x="409363" y="5238343"/>
                  <a:pt x="412601" y="5200813"/>
                </a:cubicBezTo>
                <a:cubicBezTo>
                  <a:pt x="412793" y="5197955"/>
                  <a:pt x="412411" y="5194145"/>
                  <a:pt x="410887" y="5192051"/>
                </a:cubicBezTo>
                <a:cubicBezTo>
                  <a:pt x="400791" y="5179097"/>
                  <a:pt x="400029" y="5165570"/>
                  <a:pt x="398315" y="5148995"/>
                </a:cubicBezTo>
                <a:cubicBezTo>
                  <a:pt x="395837" y="5125562"/>
                  <a:pt x="397553" y="5104036"/>
                  <a:pt x="401743" y="5082317"/>
                </a:cubicBezTo>
                <a:cubicBezTo>
                  <a:pt x="404791" y="5066505"/>
                  <a:pt x="411078" y="5050504"/>
                  <a:pt x="419080" y="5036405"/>
                </a:cubicBezTo>
                <a:cubicBezTo>
                  <a:pt x="430320" y="5016785"/>
                  <a:pt x="434701" y="4997922"/>
                  <a:pt x="419841" y="4979253"/>
                </a:cubicBezTo>
                <a:cubicBezTo>
                  <a:pt x="404029" y="4959061"/>
                  <a:pt x="409553" y="4936201"/>
                  <a:pt x="408983" y="4913909"/>
                </a:cubicBezTo>
                <a:cubicBezTo>
                  <a:pt x="408791" y="4904195"/>
                  <a:pt x="409175" y="4893907"/>
                  <a:pt x="406697" y="4884572"/>
                </a:cubicBezTo>
                <a:cubicBezTo>
                  <a:pt x="399647" y="4857522"/>
                  <a:pt x="388978" y="4831420"/>
                  <a:pt x="384216" y="4803988"/>
                </a:cubicBezTo>
                <a:cubicBezTo>
                  <a:pt x="381551" y="4788747"/>
                  <a:pt x="386312" y="4771793"/>
                  <a:pt x="389741" y="4755980"/>
                </a:cubicBezTo>
                <a:cubicBezTo>
                  <a:pt x="393362" y="4739978"/>
                  <a:pt x="398885" y="4724167"/>
                  <a:pt x="404601" y="4708734"/>
                </a:cubicBezTo>
                <a:cubicBezTo>
                  <a:pt x="408411" y="4698258"/>
                  <a:pt x="412031" y="4686828"/>
                  <a:pt x="418889" y="4678445"/>
                </a:cubicBezTo>
                <a:cubicBezTo>
                  <a:pt x="434510" y="4659393"/>
                  <a:pt x="437178" y="4639772"/>
                  <a:pt x="428986" y="4617291"/>
                </a:cubicBezTo>
                <a:cubicBezTo>
                  <a:pt x="427651" y="4613864"/>
                  <a:pt x="427651" y="4609863"/>
                  <a:pt x="427462" y="4606053"/>
                </a:cubicBezTo>
                <a:cubicBezTo>
                  <a:pt x="423462" y="4545086"/>
                  <a:pt x="420984" y="4484127"/>
                  <a:pt x="414888" y="4423545"/>
                </a:cubicBezTo>
                <a:cubicBezTo>
                  <a:pt x="412411" y="4398972"/>
                  <a:pt x="401553" y="4375349"/>
                  <a:pt x="394695" y="4351154"/>
                </a:cubicBezTo>
                <a:cubicBezTo>
                  <a:pt x="393362" y="4346201"/>
                  <a:pt x="391265" y="4340674"/>
                  <a:pt x="392218" y="4335722"/>
                </a:cubicBezTo>
                <a:cubicBezTo>
                  <a:pt x="401743" y="4281810"/>
                  <a:pt x="387838" y="4231324"/>
                  <a:pt x="369547" y="4181603"/>
                </a:cubicBezTo>
                <a:cubicBezTo>
                  <a:pt x="367643" y="4176461"/>
                  <a:pt x="368214" y="4170174"/>
                  <a:pt x="368595" y="4164458"/>
                </a:cubicBezTo>
                <a:cubicBezTo>
                  <a:pt x="369928" y="4148453"/>
                  <a:pt x="376597" y="4131119"/>
                  <a:pt x="372597" y="4116641"/>
                </a:cubicBezTo>
                <a:cubicBezTo>
                  <a:pt x="361546" y="4078159"/>
                  <a:pt x="348211" y="4040058"/>
                  <a:pt x="331447" y="4003861"/>
                </a:cubicBezTo>
                <a:cubicBezTo>
                  <a:pt x="314494" y="3967091"/>
                  <a:pt x="300203" y="3932993"/>
                  <a:pt x="317349" y="3890891"/>
                </a:cubicBezTo>
                <a:cubicBezTo>
                  <a:pt x="324589" y="3872985"/>
                  <a:pt x="319445" y="3849362"/>
                  <a:pt x="317541" y="3828785"/>
                </a:cubicBezTo>
                <a:cubicBezTo>
                  <a:pt x="316016" y="3813737"/>
                  <a:pt x="307443" y="3799258"/>
                  <a:pt x="307443" y="3784397"/>
                </a:cubicBezTo>
                <a:cubicBezTo>
                  <a:pt x="307443" y="3744770"/>
                  <a:pt x="297345" y="3709529"/>
                  <a:pt x="276771" y="3675238"/>
                </a:cubicBezTo>
                <a:cubicBezTo>
                  <a:pt x="268770" y="3661899"/>
                  <a:pt x="274106" y="3641134"/>
                  <a:pt x="272009" y="3623799"/>
                </a:cubicBezTo>
                <a:cubicBezTo>
                  <a:pt x="269533" y="3605509"/>
                  <a:pt x="267247" y="3586653"/>
                  <a:pt x="261720" y="3569124"/>
                </a:cubicBezTo>
                <a:cubicBezTo>
                  <a:pt x="247243" y="3523785"/>
                  <a:pt x="230859" y="3479015"/>
                  <a:pt x="215618" y="3433866"/>
                </a:cubicBezTo>
                <a:cubicBezTo>
                  <a:pt x="203045" y="3396719"/>
                  <a:pt x="212951" y="3360139"/>
                  <a:pt x="218286" y="3323372"/>
                </a:cubicBezTo>
                <a:cubicBezTo>
                  <a:pt x="221715" y="3300319"/>
                  <a:pt x="229907" y="3278795"/>
                  <a:pt x="217715" y="3252885"/>
                </a:cubicBezTo>
                <a:cubicBezTo>
                  <a:pt x="206093" y="3228119"/>
                  <a:pt x="208761" y="3196686"/>
                  <a:pt x="202475" y="3168870"/>
                </a:cubicBezTo>
                <a:cubicBezTo>
                  <a:pt x="197141" y="3145436"/>
                  <a:pt x="188566" y="3122770"/>
                  <a:pt x="180184" y="3100099"/>
                </a:cubicBezTo>
                <a:cubicBezTo>
                  <a:pt x="168753" y="3069235"/>
                  <a:pt x="156753" y="3038756"/>
                  <a:pt x="162468" y="3005035"/>
                </a:cubicBezTo>
                <a:cubicBezTo>
                  <a:pt x="168945" y="2966742"/>
                  <a:pt x="144560" y="2940455"/>
                  <a:pt x="128366" y="2910353"/>
                </a:cubicBezTo>
                <a:cubicBezTo>
                  <a:pt x="117318" y="2889587"/>
                  <a:pt x="109126" y="2866918"/>
                  <a:pt x="102268" y="2844248"/>
                </a:cubicBezTo>
                <a:cubicBezTo>
                  <a:pt x="93313" y="2813958"/>
                  <a:pt x="87978" y="2782716"/>
                  <a:pt x="79216" y="2752235"/>
                </a:cubicBezTo>
                <a:cubicBezTo>
                  <a:pt x="66072" y="2706131"/>
                  <a:pt x="55785" y="2659455"/>
                  <a:pt x="63024" y="2611450"/>
                </a:cubicBezTo>
                <a:cubicBezTo>
                  <a:pt x="66262" y="2589352"/>
                  <a:pt x="66072" y="2568774"/>
                  <a:pt x="61307" y="2546678"/>
                </a:cubicBezTo>
                <a:cubicBezTo>
                  <a:pt x="53497" y="2510483"/>
                  <a:pt x="52545" y="2473333"/>
                  <a:pt x="23399" y="2444184"/>
                </a:cubicBezTo>
                <a:cubicBezTo>
                  <a:pt x="13111" y="2433897"/>
                  <a:pt x="10446" y="2415420"/>
                  <a:pt x="5110" y="2400369"/>
                </a:cubicBezTo>
                <a:cubicBezTo>
                  <a:pt x="-1178" y="2383032"/>
                  <a:pt x="2062" y="2370270"/>
                  <a:pt x="20351" y="2360933"/>
                </a:cubicBezTo>
                <a:cubicBezTo>
                  <a:pt x="28541" y="2356744"/>
                  <a:pt x="36543" y="2344741"/>
                  <a:pt x="37877" y="2335405"/>
                </a:cubicBezTo>
                <a:cubicBezTo>
                  <a:pt x="41877" y="2307402"/>
                  <a:pt x="35971" y="2281683"/>
                  <a:pt x="23017" y="2254633"/>
                </a:cubicBezTo>
                <a:cubicBezTo>
                  <a:pt x="10824" y="2229296"/>
                  <a:pt x="12158" y="2197670"/>
                  <a:pt x="7395" y="2168903"/>
                </a:cubicBezTo>
                <a:cubicBezTo>
                  <a:pt x="5680" y="2158712"/>
                  <a:pt x="3062" y="2148519"/>
                  <a:pt x="871" y="2138304"/>
                </a:cubicBezTo>
                <a:lnTo>
                  <a:pt x="0" y="2131532"/>
                </a:lnTo>
                <a:lnTo>
                  <a:pt x="0" y="2072225"/>
                </a:lnTo>
                <a:lnTo>
                  <a:pt x="251" y="2069340"/>
                </a:lnTo>
                <a:cubicBezTo>
                  <a:pt x="2061" y="2056600"/>
                  <a:pt x="4156" y="2043835"/>
                  <a:pt x="5299" y="2030977"/>
                </a:cubicBezTo>
                <a:cubicBezTo>
                  <a:pt x="7203" y="2010974"/>
                  <a:pt x="6442" y="1990589"/>
                  <a:pt x="8729" y="1970586"/>
                </a:cubicBezTo>
                <a:cubicBezTo>
                  <a:pt x="10446" y="1954202"/>
                  <a:pt x="14824" y="1938009"/>
                  <a:pt x="18445" y="1921817"/>
                </a:cubicBezTo>
                <a:cubicBezTo>
                  <a:pt x="19779" y="1915912"/>
                  <a:pt x="24922" y="1910004"/>
                  <a:pt x="24161" y="1904673"/>
                </a:cubicBezTo>
                <a:cubicBezTo>
                  <a:pt x="15968" y="1851709"/>
                  <a:pt x="52545" y="1813610"/>
                  <a:pt x="68738" y="1768838"/>
                </a:cubicBezTo>
                <a:cubicBezTo>
                  <a:pt x="85886" y="1721785"/>
                  <a:pt x="112174" y="1676253"/>
                  <a:pt x="104363" y="1623675"/>
                </a:cubicBezTo>
                <a:cubicBezTo>
                  <a:pt x="99601" y="1591859"/>
                  <a:pt x="88551" y="1561189"/>
                  <a:pt x="81882" y="1529563"/>
                </a:cubicBezTo>
                <a:cubicBezTo>
                  <a:pt x="79597" y="1518324"/>
                  <a:pt x="79978" y="1505751"/>
                  <a:pt x="82264" y="1494509"/>
                </a:cubicBezTo>
                <a:cubicBezTo>
                  <a:pt x="92743" y="1440216"/>
                  <a:pt x="94266" y="1386684"/>
                  <a:pt x="77120" y="1333341"/>
                </a:cubicBezTo>
                <a:cubicBezTo>
                  <a:pt x="74262" y="1324198"/>
                  <a:pt x="71597" y="1314483"/>
                  <a:pt x="71597" y="1304955"/>
                </a:cubicBezTo>
                <a:cubicBezTo>
                  <a:pt x="71597" y="1252757"/>
                  <a:pt x="75597" y="1201512"/>
                  <a:pt x="94266" y="1151600"/>
                </a:cubicBezTo>
                <a:cubicBezTo>
                  <a:pt x="100553" y="1134834"/>
                  <a:pt x="96553" y="1114449"/>
                  <a:pt x="98077" y="1095972"/>
                </a:cubicBezTo>
                <a:cubicBezTo>
                  <a:pt x="99409" y="1078826"/>
                  <a:pt x="99981" y="1061298"/>
                  <a:pt x="104363" y="1044725"/>
                </a:cubicBezTo>
                <a:cubicBezTo>
                  <a:pt x="110839" y="1020529"/>
                  <a:pt x="111601" y="998052"/>
                  <a:pt x="105887" y="973095"/>
                </a:cubicBezTo>
                <a:cubicBezTo>
                  <a:pt x="100553" y="949281"/>
                  <a:pt x="103219" y="923562"/>
                  <a:pt x="103029" y="898797"/>
                </a:cubicBezTo>
                <a:cubicBezTo>
                  <a:pt x="102839" y="871173"/>
                  <a:pt x="102649" y="843552"/>
                  <a:pt x="103601" y="815929"/>
                </a:cubicBezTo>
                <a:cubicBezTo>
                  <a:pt x="103981" y="804877"/>
                  <a:pt x="111601" y="792306"/>
                  <a:pt x="108553" y="783158"/>
                </a:cubicBezTo>
                <a:cubicBezTo>
                  <a:pt x="98267" y="753633"/>
                  <a:pt x="110649" y="724104"/>
                  <a:pt x="105126" y="694576"/>
                </a:cubicBezTo>
                <a:cubicBezTo>
                  <a:pt x="102268" y="680096"/>
                  <a:pt x="110078" y="663713"/>
                  <a:pt x="110839" y="648092"/>
                </a:cubicBezTo>
                <a:cubicBezTo>
                  <a:pt x="112174" y="622564"/>
                  <a:pt x="111601" y="597037"/>
                  <a:pt x="111983" y="571508"/>
                </a:cubicBezTo>
                <a:cubicBezTo>
                  <a:pt x="112174" y="563125"/>
                  <a:pt x="112936" y="554933"/>
                  <a:pt x="113318" y="546552"/>
                </a:cubicBezTo>
                <a:cubicBezTo>
                  <a:pt x="113697" y="539121"/>
                  <a:pt x="115412" y="531310"/>
                  <a:pt x="114080" y="524262"/>
                </a:cubicBezTo>
                <a:cubicBezTo>
                  <a:pt x="109315" y="498733"/>
                  <a:pt x="101505" y="473587"/>
                  <a:pt x="98457" y="447870"/>
                </a:cubicBezTo>
                <a:cubicBezTo>
                  <a:pt x="95792" y="425581"/>
                  <a:pt x="99409" y="402529"/>
                  <a:pt x="97505" y="380050"/>
                </a:cubicBezTo>
                <a:cubicBezTo>
                  <a:pt x="94266" y="340425"/>
                  <a:pt x="88551" y="300800"/>
                  <a:pt x="84930" y="261173"/>
                </a:cubicBezTo>
                <a:cubicBezTo>
                  <a:pt x="84168" y="252600"/>
                  <a:pt x="88933" y="243648"/>
                  <a:pt x="89313" y="234883"/>
                </a:cubicBezTo>
                <a:cubicBezTo>
                  <a:pt x="90266" y="207450"/>
                  <a:pt x="90457" y="180017"/>
                  <a:pt x="91026" y="152584"/>
                </a:cubicBezTo>
                <a:cubicBezTo>
                  <a:pt x="91218" y="136963"/>
                  <a:pt x="90647" y="121150"/>
                  <a:pt x="92361" y="105718"/>
                </a:cubicBezTo>
                <a:cubicBezTo>
                  <a:pt x="94648" y="85336"/>
                  <a:pt x="98077" y="66857"/>
                  <a:pt x="83217" y="47806"/>
                </a:cubicBezTo>
                <a:cubicBezTo>
                  <a:pt x="77453" y="40471"/>
                  <a:pt x="73691" y="32636"/>
                  <a:pt x="71206" y="24480"/>
                </a:cubicBezTo>
                <a:close/>
              </a:path>
            </a:pathLst>
          </a:custGeom>
          <a:effectLst>
            <a:outerShdw blurRad="381000" dist="152400" dir="10800000" algn="r" rotWithShape="0">
              <a:prstClr val="black">
                <a:alpha val="10000"/>
              </a:prstClr>
            </a:outerShdw>
          </a:effectLst>
        </p:spPr>
      </p:pic>
      <p:sp>
        <p:nvSpPr>
          <p:cNvPr id="51" name="Freeform: Shape 22">
            <a:extLst>
              <a:ext uri="{FF2B5EF4-FFF2-40B4-BE49-F238E27FC236}">
                <a16:creationId xmlns:a16="http://schemas.microsoft.com/office/drawing/2014/main" id="{C4D41903-2C9D-4F9E-AA1F-6161F8A6FC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2640986" y="2991370"/>
            <a:ext cx="6857455" cy="874716"/>
          </a:xfrm>
          <a:custGeom>
            <a:avLst/>
            <a:gdLst>
              <a:gd name="connsiteX0" fmla="*/ 6857455 w 6857455"/>
              <a:gd name="connsiteY0" fmla="*/ 804643 h 874716"/>
              <a:gd name="connsiteX1" fmla="*/ 6857455 w 6857455"/>
              <a:gd name="connsiteY1" fmla="*/ 562246 h 874716"/>
              <a:gd name="connsiteX2" fmla="*/ 6829178 w 6857455"/>
              <a:gd name="connsiteY2" fmla="*/ 551284 h 874716"/>
              <a:gd name="connsiteX3" fmla="*/ 6766024 w 6857455"/>
              <a:gd name="connsiteY3" fmla="*/ 500372 h 874716"/>
              <a:gd name="connsiteX4" fmla="*/ 6734971 w 6857455"/>
              <a:gd name="connsiteY4" fmla="*/ 500944 h 874716"/>
              <a:gd name="connsiteX5" fmla="*/ 6683915 w 6857455"/>
              <a:gd name="connsiteY5" fmla="*/ 507040 h 874716"/>
              <a:gd name="connsiteX6" fmla="*/ 6628860 w 6857455"/>
              <a:gd name="connsiteY6" fmla="*/ 495418 h 874716"/>
              <a:gd name="connsiteX7" fmla="*/ 6588662 w 6857455"/>
              <a:gd name="connsiteY7" fmla="*/ 487227 h 874716"/>
              <a:gd name="connsiteX8" fmla="*/ 6476074 w 6857455"/>
              <a:gd name="connsiteY8" fmla="*/ 511230 h 874716"/>
              <a:gd name="connsiteX9" fmla="*/ 6382345 w 6857455"/>
              <a:gd name="connsiteY9" fmla="*/ 534853 h 874716"/>
              <a:gd name="connsiteX10" fmla="*/ 6369391 w 6857455"/>
              <a:gd name="connsiteY10" fmla="*/ 531615 h 874716"/>
              <a:gd name="connsiteX11" fmla="*/ 6244799 w 6857455"/>
              <a:gd name="connsiteY11" fmla="*/ 512182 h 874716"/>
              <a:gd name="connsiteX12" fmla="*/ 6190315 w 6857455"/>
              <a:gd name="connsiteY12" fmla="*/ 485703 h 874716"/>
              <a:gd name="connsiteX13" fmla="*/ 6115446 w 6857455"/>
              <a:gd name="connsiteY13" fmla="*/ 462270 h 874716"/>
              <a:gd name="connsiteX14" fmla="*/ 6032194 w 6857455"/>
              <a:gd name="connsiteY14" fmla="*/ 434266 h 874716"/>
              <a:gd name="connsiteX15" fmla="*/ 5971042 w 6857455"/>
              <a:gd name="connsiteY15" fmla="*/ 420738 h 874716"/>
              <a:gd name="connsiteX16" fmla="*/ 5880933 w 6857455"/>
              <a:gd name="connsiteY16" fmla="*/ 430646 h 874716"/>
              <a:gd name="connsiteX17" fmla="*/ 5862452 w 6857455"/>
              <a:gd name="connsiteY17" fmla="*/ 438648 h 874716"/>
              <a:gd name="connsiteX18" fmla="*/ 5685283 w 6857455"/>
              <a:gd name="connsiteY18" fmla="*/ 498658 h 874716"/>
              <a:gd name="connsiteX19" fmla="*/ 5567169 w 6857455"/>
              <a:gd name="connsiteY19" fmla="*/ 499420 h 874716"/>
              <a:gd name="connsiteX20" fmla="*/ 5527923 w 6857455"/>
              <a:gd name="connsiteY20" fmla="*/ 490466 h 874716"/>
              <a:gd name="connsiteX21" fmla="*/ 5456292 w 6857455"/>
              <a:gd name="connsiteY21" fmla="*/ 450650 h 874716"/>
              <a:gd name="connsiteX22" fmla="*/ 5424670 w 6857455"/>
              <a:gd name="connsiteY22" fmla="*/ 444934 h 874716"/>
              <a:gd name="connsiteX23" fmla="*/ 5368662 w 6857455"/>
              <a:gd name="connsiteY23" fmla="*/ 441124 h 874716"/>
              <a:gd name="connsiteX24" fmla="*/ 5247118 w 6857455"/>
              <a:gd name="connsiteY24" fmla="*/ 444934 h 874716"/>
              <a:gd name="connsiteX25" fmla="*/ 5088617 w 6857455"/>
              <a:gd name="connsiteY25" fmla="*/ 428742 h 874716"/>
              <a:gd name="connsiteX26" fmla="*/ 5025750 w 6857455"/>
              <a:gd name="connsiteY26" fmla="*/ 433694 h 874716"/>
              <a:gd name="connsiteX27" fmla="*/ 4957930 w 6857455"/>
              <a:gd name="connsiteY27" fmla="*/ 442268 h 874716"/>
              <a:gd name="connsiteX28" fmla="*/ 4938116 w 6857455"/>
              <a:gd name="connsiteY28" fmla="*/ 441886 h 874716"/>
              <a:gd name="connsiteX29" fmla="*/ 4833910 w 6857455"/>
              <a:gd name="connsiteY29" fmla="*/ 421693 h 874716"/>
              <a:gd name="connsiteX30" fmla="*/ 4810095 w 6857455"/>
              <a:gd name="connsiteY30" fmla="*/ 408167 h 874716"/>
              <a:gd name="connsiteX31" fmla="*/ 4747991 w 6857455"/>
              <a:gd name="connsiteY31" fmla="*/ 413691 h 874716"/>
              <a:gd name="connsiteX32" fmla="*/ 4692745 w 6857455"/>
              <a:gd name="connsiteY32" fmla="*/ 435790 h 874716"/>
              <a:gd name="connsiteX33" fmla="*/ 4375933 w 6857455"/>
              <a:gd name="connsiteY33" fmla="*/ 483417 h 874716"/>
              <a:gd name="connsiteX34" fmla="*/ 4185426 w 6857455"/>
              <a:gd name="connsiteY34" fmla="*/ 484179 h 874716"/>
              <a:gd name="connsiteX35" fmla="*/ 4052072 w 6857455"/>
              <a:gd name="connsiteY35" fmla="*/ 505134 h 874716"/>
              <a:gd name="connsiteX36" fmla="*/ 4029973 w 6857455"/>
              <a:gd name="connsiteY36" fmla="*/ 527233 h 874716"/>
              <a:gd name="connsiteX37" fmla="*/ 3948626 w 6857455"/>
              <a:gd name="connsiteY37" fmla="*/ 550666 h 874716"/>
              <a:gd name="connsiteX38" fmla="*/ 3871280 w 6857455"/>
              <a:gd name="connsiteY38" fmla="*/ 502275 h 874716"/>
              <a:gd name="connsiteX39" fmla="*/ 3774312 w 6857455"/>
              <a:gd name="connsiteY39" fmla="*/ 429122 h 874716"/>
              <a:gd name="connsiteX40" fmla="*/ 3721543 w 6857455"/>
              <a:gd name="connsiteY40" fmla="*/ 428552 h 874716"/>
              <a:gd name="connsiteX41" fmla="*/ 3612763 w 6857455"/>
              <a:gd name="connsiteY41" fmla="*/ 414263 h 874716"/>
              <a:gd name="connsiteX42" fmla="*/ 3537323 w 6857455"/>
              <a:gd name="connsiteY42" fmla="*/ 389878 h 874716"/>
              <a:gd name="connsiteX43" fmla="*/ 3431593 w 6857455"/>
              <a:gd name="connsiteY43" fmla="*/ 360921 h 874716"/>
              <a:gd name="connsiteX44" fmla="*/ 3392158 w 6857455"/>
              <a:gd name="connsiteY44" fmla="*/ 345681 h 874716"/>
              <a:gd name="connsiteX45" fmla="*/ 3297856 w 6857455"/>
              <a:gd name="connsiteY45" fmla="*/ 323010 h 874716"/>
              <a:gd name="connsiteX46" fmla="*/ 3219748 w 6857455"/>
              <a:gd name="connsiteY46" fmla="*/ 308151 h 874716"/>
              <a:gd name="connsiteX47" fmla="*/ 3156692 w 6857455"/>
              <a:gd name="connsiteY47" fmla="*/ 261668 h 874716"/>
              <a:gd name="connsiteX48" fmla="*/ 3136497 w 6857455"/>
              <a:gd name="connsiteY48" fmla="*/ 237663 h 874716"/>
              <a:gd name="connsiteX49" fmla="*/ 3119733 w 6857455"/>
              <a:gd name="connsiteY49" fmla="*/ 222233 h 874716"/>
              <a:gd name="connsiteX50" fmla="*/ 3045436 w 6857455"/>
              <a:gd name="connsiteY50" fmla="*/ 131742 h 874716"/>
              <a:gd name="connsiteX51" fmla="*/ 3037054 w 6857455"/>
              <a:gd name="connsiteY51" fmla="*/ 124121 h 874716"/>
              <a:gd name="connsiteX52" fmla="*/ 2936466 w 6857455"/>
              <a:gd name="connsiteY52" fmla="*/ 82400 h 874716"/>
              <a:gd name="connsiteX53" fmla="*/ 2901031 w 6857455"/>
              <a:gd name="connsiteY53" fmla="*/ 59731 h 874716"/>
              <a:gd name="connsiteX54" fmla="*/ 2828259 w 6857455"/>
              <a:gd name="connsiteY54" fmla="*/ 3149 h 874716"/>
              <a:gd name="connsiteX55" fmla="*/ 2799492 w 6857455"/>
              <a:gd name="connsiteY55" fmla="*/ 1245 h 874716"/>
              <a:gd name="connsiteX56" fmla="*/ 2693570 w 6857455"/>
              <a:gd name="connsiteY56" fmla="*/ 35154 h 874716"/>
              <a:gd name="connsiteX57" fmla="*/ 2639847 w 6857455"/>
              <a:gd name="connsiteY57" fmla="*/ 73448 h 874716"/>
              <a:gd name="connsiteX58" fmla="*/ 2621178 w 6857455"/>
              <a:gd name="connsiteY58" fmla="*/ 88688 h 874716"/>
              <a:gd name="connsiteX59" fmla="*/ 2489348 w 6857455"/>
              <a:gd name="connsiteY59" fmla="*/ 72304 h 874716"/>
              <a:gd name="connsiteX60" fmla="*/ 2452580 w 6857455"/>
              <a:gd name="connsiteY60" fmla="*/ 68683 h 874716"/>
              <a:gd name="connsiteX61" fmla="*/ 2326464 w 6857455"/>
              <a:gd name="connsiteY61" fmla="*/ 50395 h 874716"/>
              <a:gd name="connsiteX62" fmla="*/ 2300365 w 6857455"/>
              <a:gd name="connsiteY62" fmla="*/ 54777 h 874716"/>
              <a:gd name="connsiteX63" fmla="*/ 2130434 w 6857455"/>
              <a:gd name="connsiteY63" fmla="*/ 58397 h 874716"/>
              <a:gd name="connsiteX64" fmla="*/ 2118621 w 6857455"/>
              <a:gd name="connsiteY64" fmla="*/ 47919 h 874716"/>
              <a:gd name="connsiteX65" fmla="*/ 2057659 w 6857455"/>
              <a:gd name="connsiteY65" fmla="*/ 16866 h 874716"/>
              <a:gd name="connsiteX66" fmla="*/ 1976314 w 6857455"/>
              <a:gd name="connsiteY66" fmla="*/ 8865 h 874716"/>
              <a:gd name="connsiteX67" fmla="*/ 1961454 w 6857455"/>
              <a:gd name="connsiteY67" fmla="*/ 11724 h 874716"/>
              <a:gd name="connsiteX68" fmla="*/ 1906588 w 6857455"/>
              <a:gd name="connsiteY68" fmla="*/ 30964 h 874716"/>
              <a:gd name="connsiteX69" fmla="*/ 1783330 w 6857455"/>
              <a:gd name="connsiteY69" fmla="*/ 48871 h 874716"/>
              <a:gd name="connsiteX70" fmla="*/ 1759327 w 6857455"/>
              <a:gd name="connsiteY70" fmla="*/ 55349 h 874716"/>
              <a:gd name="connsiteX71" fmla="*/ 1716082 w 6857455"/>
              <a:gd name="connsiteY71" fmla="*/ 65445 h 874716"/>
              <a:gd name="connsiteX72" fmla="*/ 1598920 w 6857455"/>
              <a:gd name="connsiteY72" fmla="*/ 72114 h 874716"/>
              <a:gd name="connsiteX73" fmla="*/ 1542150 w 6857455"/>
              <a:gd name="connsiteY73" fmla="*/ 62207 h 874716"/>
              <a:gd name="connsiteX74" fmla="*/ 1516813 w 6857455"/>
              <a:gd name="connsiteY74" fmla="*/ 62779 h 874716"/>
              <a:gd name="connsiteX75" fmla="*/ 1432228 w 6857455"/>
              <a:gd name="connsiteY75" fmla="*/ 88116 h 874716"/>
              <a:gd name="connsiteX76" fmla="*/ 1224765 w 6857455"/>
              <a:gd name="connsiteY76" fmla="*/ 71924 h 874716"/>
              <a:gd name="connsiteX77" fmla="*/ 1159231 w 6857455"/>
              <a:gd name="connsiteY77" fmla="*/ 58207 h 874716"/>
              <a:gd name="connsiteX78" fmla="*/ 1124370 w 6857455"/>
              <a:gd name="connsiteY78" fmla="*/ 56301 h 874716"/>
              <a:gd name="connsiteX79" fmla="*/ 1075600 w 6857455"/>
              <a:gd name="connsiteY79" fmla="*/ 75542 h 874716"/>
              <a:gd name="connsiteX80" fmla="*/ 986633 w 6857455"/>
              <a:gd name="connsiteY80" fmla="*/ 79162 h 874716"/>
              <a:gd name="connsiteX81" fmla="*/ 861089 w 6857455"/>
              <a:gd name="connsiteY81" fmla="*/ 76304 h 874716"/>
              <a:gd name="connsiteX82" fmla="*/ 759168 w 6857455"/>
              <a:gd name="connsiteY82" fmla="*/ 104689 h 874716"/>
              <a:gd name="connsiteX83" fmla="*/ 723735 w 6857455"/>
              <a:gd name="connsiteY83" fmla="*/ 140696 h 874716"/>
              <a:gd name="connsiteX84" fmla="*/ 647532 w 6857455"/>
              <a:gd name="connsiteY84" fmla="*/ 147934 h 874716"/>
              <a:gd name="connsiteX85" fmla="*/ 552659 w 6857455"/>
              <a:gd name="connsiteY85" fmla="*/ 95926 h 874716"/>
              <a:gd name="connsiteX86" fmla="*/ 541800 w 6857455"/>
              <a:gd name="connsiteY86" fmla="*/ 97640 h 874716"/>
              <a:gd name="connsiteX87" fmla="*/ 375107 w 6857455"/>
              <a:gd name="connsiteY87" fmla="*/ 123169 h 874716"/>
              <a:gd name="connsiteX88" fmla="*/ 273567 w 6857455"/>
              <a:gd name="connsiteY88" fmla="*/ 145458 h 874716"/>
              <a:gd name="connsiteX89" fmla="*/ 264043 w 6857455"/>
              <a:gd name="connsiteY89" fmla="*/ 154792 h 874716"/>
              <a:gd name="connsiteX90" fmla="*/ 169360 w 6857455"/>
              <a:gd name="connsiteY90" fmla="*/ 177273 h 874716"/>
              <a:gd name="connsiteX91" fmla="*/ 89347 w 6857455"/>
              <a:gd name="connsiteY91" fmla="*/ 157460 h 874716"/>
              <a:gd name="connsiteX92" fmla="*/ 34291 w 6857455"/>
              <a:gd name="connsiteY92" fmla="*/ 145268 h 874716"/>
              <a:gd name="connsiteX93" fmla="*/ 0 w 6857455"/>
              <a:gd name="connsiteY93" fmla="*/ 142056 h 874716"/>
              <a:gd name="connsiteX94" fmla="*/ 0 w 6857455"/>
              <a:gd name="connsiteY94" fmla="*/ 849556 h 874716"/>
              <a:gd name="connsiteX95" fmla="*/ 60652 w 6857455"/>
              <a:gd name="connsiteY95" fmla="*/ 844783 h 874716"/>
              <a:gd name="connsiteX96" fmla="*/ 119068 w 6857455"/>
              <a:gd name="connsiteY96" fmla="*/ 827281 h 874716"/>
              <a:gd name="connsiteX97" fmla="*/ 171840 w 6857455"/>
              <a:gd name="connsiteY97" fmla="*/ 804420 h 874716"/>
              <a:gd name="connsiteX98" fmla="*/ 274329 w 6857455"/>
              <a:gd name="connsiteY98" fmla="*/ 794324 h 874716"/>
              <a:gd name="connsiteX99" fmla="*/ 306715 w 6857455"/>
              <a:gd name="connsiteY99" fmla="*/ 788798 h 874716"/>
              <a:gd name="connsiteX100" fmla="*/ 393967 w 6857455"/>
              <a:gd name="connsiteY100" fmla="*/ 765937 h 874716"/>
              <a:gd name="connsiteX101" fmla="*/ 493793 w 6857455"/>
              <a:gd name="connsiteY101" fmla="*/ 725549 h 874716"/>
              <a:gd name="connsiteX102" fmla="*/ 546373 w 6857455"/>
              <a:gd name="connsiteY102" fmla="*/ 740600 h 874716"/>
              <a:gd name="connsiteX103" fmla="*/ 730211 w 6857455"/>
              <a:gd name="connsiteY103" fmla="*/ 698116 h 874716"/>
              <a:gd name="connsiteX104" fmla="*/ 784889 w 6857455"/>
              <a:gd name="connsiteY104" fmla="*/ 676018 h 874716"/>
              <a:gd name="connsiteX105" fmla="*/ 800509 w 6857455"/>
              <a:gd name="connsiteY105" fmla="*/ 661349 h 874716"/>
              <a:gd name="connsiteX106" fmla="*/ 857661 w 6857455"/>
              <a:gd name="connsiteY106" fmla="*/ 626868 h 874716"/>
              <a:gd name="connsiteX107" fmla="*/ 949102 w 6857455"/>
              <a:gd name="connsiteY107" fmla="*/ 614676 h 874716"/>
              <a:gd name="connsiteX108" fmla="*/ 960342 w 6857455"/>
              <a:gd name="connsiteY108" fmla="*/ 607435 h 874716"/>
              <a:gd name="connsiteX109" fmla="*/ 977109 w 6857455"/>
              <a:gd name="connsiteY109" fmla="*/ 595815 h 874716"/>
              <a:gd name="connsiteX110" fmla="*/ 1071218 w 6857455"/>
              <a:gd name="connsiteY110" fmla="*/ 575240 h 874716"/>
              <a:gd name="connsiteX111" fmla="*/ 1091983 w 6857455"/>
              <a:gd name="connsiteY111" fmla="*/ 568764 h 874716"/>
              <a:gd name="connsiteX112" fmla="*/ 1109321 w 6857455"/>
              <a:gd name="connsiteY112" fmla="*/ 557904 h 874716"/>
              <a:gd name="connsiteX113" fmla="*/ 1162279 w 6857455"/>
              <a:gd name="connsiteY113" fmla="*/ 532949 h 874716"/>
              <a:gd name="connsiteX114" fmla="*/ 1206097 w 6857455"/>
              <a:gd name="connsiteY114" fmla="*/ 532187 h 874716"/>
              <a:gd name="connsiteX115" fmla="*/ 1266867 w 6857455"/>
              <a:gd name="connsiteY115" fmla="*/ 518088 h 874716"/>
              <a:gd name="connsiteX116" fmla="*/ 1380219 w 6857455"/>
              <a:gd name="connsiteY116" fmla="*/ 504182 h 874716"/>
              <a:gd name="connsiteX117" fmla="*/ 1403461 w 6857455"/>
              <a:gd name="connsiteY117" fmla="*/ 496180 h 874716"/>
              <a:gd name="connsiteX118" fmla="*/ 1544054 w 6857455"/>
              <a:gd name="connsiteY118" fmla="*/ 458268 h 874716"/>
              <a:gd name="connsiteX119" fmla="*/ 1656644 w 6857455"/>
              <a:gd name="connsiteY119" fmla="*/ 459032 h 874716"/>
              <a:gd name="connsiteX120" fmla="*/ 1665406 w 6857455"/>
              <a:gd name="connsiteY120" fmla="*/ 460747 h 874716"/>
              <a:gd name="connsiteX121" fmla="*/ 1708461 w 6857455"/>
              <a:gd name="connsiteY121" fmla="*/ 473318 h 874716"/>
              <a:gd name="connsiteX122" fmla="*/ 1775140 w 6857455"/>
              <a:gd name="connsiteY122" fmla="*/ 469891 h 874716"/>
              <a:gd name="connsiteX123" fmla="*/ 1821051 w 6857455"/>
              <a:gd name="connsiteY123" fmla="*/ 452554 h 874716"/>
              <a:gd name="connsiteX124" fmla="*/ 1878203 w 6857455"/>
              <a:gd name="connsiteY124" fmla="*/ 451792 h 874716"/>
              <a:gd name="connsiteX125" fmla="*/ 1943547 w 6857455"/>
              <a:gd name="connsiteY125" fmla="*/ 462651 h 874716"/>
              <a:gd name="connsiteX126" fmla="*/ 1972884 w 6857455"/>
              <a:gd name="connsiteY126" fmla="*/ 464937 h 874716"/>
              <a:gd name="connsiteX127" fmla="*/ 2053469 w 6857455"/>
              <a:gd name="connsiteY127" fmla="*/ 487417 h 874716"/>
              <a:gd name="connsiteX128" fmla="*/ 2101477 w 6857455"/>
              <a:gd name="connsiteY128" fmla="*/ 481893 h 874716"/>
              <a:gd name="connsiteX129" fmla="*/ 2148722 w 6857455"/>
              <a:gd name="connsiteY129" fmla="*/ 467033 h 874716"/>
              <a:gd name="connsiteX130" fmla="*/ 2179011 w 6857455"/>
              <a:gd name="connsiteY130" fmla="*/ 452744 h 874716"/>
              <a:gd name="connsiteX131" fmla="*/ 2240165 w 6857455"/>
              <a:gd name="connsiteY131" fmla="*/ 442648 h 874716"/>
              <a:gd name="connsiteX132" fmla="*/ 2251404 w 6857455"/>
              <a:gd name="connsiteY132" fmla="*/ 444172 h 874716"/>
              <a:gd name="connsiteX133" fmla="*/ 2433912 w 6857455"/>
              <a:gd name="connsiteY133" fmla="*/ 456746 h 874716"/>
              <a:gd name="connsiteX134" fmla="*/ 2506302 w 6857455"/>
              <a:gd name="connsiteY134" fmla="*/ 476939 h 874716"/>
              <a:gd name="connsiteX135" fmla="*/ 2521735 w 6857455"/>
              <a:gd name="connsiteY135" fmla="*/ 479415 h 874716"/>
              <a:gd name="connsiteX136" fmla="*/ 2675854 w 6857455"/>
              <a:gd name="connsiteY136" fmla="*/ 502086 h 874716"/>
              <a:gd name="connsiteX137" fmla="*/ 2692998 w 6857455"/>
              <a:gd name="connsiteY137" fmla="*/ 503038 h 874716"/>
              <a:gd name="connsiteX138" fmla="*/ 2740816 w 6857455"/>
              <a:gd name="connsiteY138" fmla="*/ 499037 h 874716"/>
              <a:gd name="connsiteX139" fmla="*/ 2853596 w 6857455"/>
              <a:gd name="connsiteY139" fmla="*/ 540187 h 874716"/>
              <a:gd name="connsiteX140" fmla="*/ 2966565 w 6857455"/>
              <a:gd name="connsiteY140" fmla="*/ 554286 h 874716"/>
              <a:gd name="connsiteX141" fmla="*/ 3028671 w 6857455"/>
              <a:gd name="connsiteY141" fmla="*/ 554094 h 874716"/>
              <a:gd name="connsiteX142" fmla="*/ 3073059 w 6857455"/>
              <a:gd name="connsiteY142" fmla="*/ 564192 h 874716"/>
              <a:gd name="connsiteX143" fmla="*/ 3182219 w 6857455"/>
              <a:gd name="connsiteY143" fmla="*/ 594862 h 874716"/>
              <a:gd name="connsiteX144" fmla="*/ 3233656 w 6857455"/>
              <a:gd name="connsiteY144" fmla="*/ 599625 h 874716"/>
              <a:gd name="connsiteX145" fmla="*/ 3288332 w 6857455"/>
              <a:gd name="connsiteY145" fmla="*/ 609914 h 874716"/>
              <a:gd name="connsiteX146" fmla="*/ 3423591 w 6857455"/>
              <a:gd name="connsiteY146" fmla="*/ 656015 h 874716"/>
              <a:gd name="connsiteX147" fmla="*/ 3534084 w 6857455"/>
              <a:gd name="connsiteY147" fmla="*/ 653349 h 874716"/>
              <a:gd name="connsiteX148" fmla="*/ 3604571 w 6857455"/>
              <a:gd name="connsiteY148" fmla="*/ 653918 h 874716"/>
              <a:gd name="connsiteX149" fmla="*/ 3688586 w 6857455"/>
              <a:gd name="connsiteY149" fmla="*/ 669160 h 874716"/>
              <a:gd name="connsiteX150" fmla="*/ 3757358 w 6857455"/>
              <a:gd name="connsiteY150" fmla="*/ 691450 h 874716"/>
              <a:gd name="connsiteX151" fmla="*/ 3852421 w 6857455"/>
              <a:gd name="connsiteY151" fmla="*/ 709167 h 874716"/>
              <a:gd name="connsiteX152" fmla="*/ 3947104 w 6857455"/>
              <a:gd name="connsiteY152" fmla="*/ 743267 h 874716"/>
              <a:gd name="connsiteX153" fmla="*/ 4013208 w 6857455"/>
              <a:gd name="connsiteY153" fmla="*/ 769367 h 874716"/>
              <a:gd name="connsiteX154" fmla="*/ 4105222 w 6857455"/>
              <a:gd name="connsiteY154" fmla="*/ 792418 h 874716"/>
              <a:gd name="connsiteX155" fmla="*/ 4246006 w 6857455"/>
              <a:gd name="connsiteY155" fmla="*/ 808610 h 874716"/>
              <a:gd name="connsiteX156" fmla="*/ 4310779 w 6857455"/>
              <a:gd name="connsiteY156" fmla="*/ 810326 h 874716"/>
              <a:gd name="connsiteX157" fmla="*/ 4413272 w 6857455"/>
              <a:gd name="connsiteY157" fmla="*/ 848235 h 874716"/>
              <a:gd name="connsiteX158" fmla="*/ 4457087 w 6857455"/>
              <a:gd name="connsiteY158" fmla="*/ 866524 h 874716"/>
              <a:gd name="connsiteX159" fmla="*/ 4496523 w 6857455"/>
              <a:gd name="connsiteY159" fmla="*/ 851284 h 874716"/>
              <a:gd name="connsiteX160" fmla="*/ 4522050 w 6857455"/>
              <a:gd name="connsiteY160" fmla="*/ 833757 h 874716"/>
              <a:gd name="connsiteX161" fmla="*/ 4602824 w 6857455"/>
              <a:gd name="connsiteY161" fmla="*/ 848618 h 874716"/>
              <a:gd name="connsiteX162" fmla="*/ 4688553 w 6857455"/>
              <a:gd name="connsiteY162" fmla="*/ 864238 h 874716"/>
              <a:gd name="connsiteX163" fmla="*/ 4749895 w 6857455"/>
              <a:gd name="connsiteY163" fmla="*/ 874716 h 874716"/>
              <a:gd name="connsiteX164" fmla="*/ 4826480 w 6857455"/>
              <a:gd name="connsiteY164" fmla="*/ 866334 h 874716"/>
              <a:gd name="connsiteX165" fmla="*/ 4886870 w 6857455"/>
              <a:gd name="connsiteY165" fmla="*/ 862906 h 874716"/>
              <a:gd name="connsiteX166" fmla="*/ 4935639 w 6857455"/>
              <a:gd name="connsiteY166" fmla="*/ 853190 h 874716"/>
              <a:gd name="connsiteX167" fmla="*/ 4952784 w 6857455"/>
              <a:gd name="connsiteY167" fmla="*/ 847473 h 874716"/>
              <a:gd name="connsiteX168" fmla="*/ 5088617 w 6857455"/>
              <a:gd name="connsiteY168" fmla="*/ 802896 h 874716"/>
              <a:gd name="connsiteX169" fmla="*/ 5233781 w 6857455"/>
              <a:gd name="connsiteY169" fmla="*/ 767271 h 874716"/>
              <a:gd name="connsiteX170" fmla="*/ 5327893 w 6857455"/>
              <a:gd name="connsiteY170" fmla="*/ 789752 h 874716"/>
              <a:gd name="connsiteX171" fmla="*/ 5362946 w 6857455"/>
              <a:gd name="connsiteY171" fmla="*/ 789370 h 874716"/>
              <a:gd name="connsiteX172" fmla="*/ 5524115 w 6857455"/>
              <a:gd name="connsiteY172" fmla="*/ 794514 h 874716"/>
              <a:gd name="connsiteX173" fmla="*/ 5552500 w 6857455"/>
              <a:gd name="connsiteY173" fmla="*/ 800038 h 874716"/>
              <a:gd name="connsiteX174" fmla="*/ 5705857 w 6857455"/>
              <a:gd name="connsiteY174" fmla="*/ 777367 h 874716"/>
              <a:gd name="connsiteX175" fmla="*/ 5761485 w 6857455"/>
              <a:gd name="connsiteY175" fmla="*/ 773557 h 874716"/>
              <a:gd name="connsiteX176" fmla="*/ 5812731 w 6857455"/>
              <a:gd name="connsiteY176" fmla="*/ 767271 h 874716"/>
              <a:gd name="connsiteX177" fmla="*/ 5884361 w 6857455"/>
              <a:gd name="connsiteY177" fmla="*/ 765747 h 874716"/>
              <a:gd name="connsiteX178" fmla="*/ 5958660 w 6857455"/>
              <a:gd name="connsiteY178" fmla="*/ 768605 h 874716"/>
              <a:gd name="connsiteX179" fmla="*/ 6041528 w 6857455"/>
              <a:gd name="connsiteY179" fmla="*/ 768033 h 874716"/>
              <a:gd name="connsiteX180" fmla="*/ 6074297 w 6857455"/>
              <a:gd name="connsiteY180" fmla="*/ 763081 h 874716"/>
              <a:gd name="connsiteX181" fmla="*/ 6162880 w 6857455"/>
              <a:gd name="connsiteY181" fmla="*/ 766509 h 874716"/>
              <a:gd name="connsiteX182" fmla="*/ 6209364 w 6857455"/>
              <a:gd name="connsiteY182" fmla="*/ 760795 h 874716"/>
              <a:gd name="connsiteX183" fmla="*/ 6285948 w 6857455"/>
              <a:gd name="connsiteY183" fmla="*/ 759651 h 874716"/>
              <a:gd name="connsiteX184" fmla="*/ 6310905 w 6857455"/>
              <a:gd name="connsiteY184" fmla="*/ 758316 h 874716"/>
              <a:gd name="connsiteX185" fmla="*/ 6333194 w 6857455"/>
              <a:gd name="connsiteY185" fmla="*/ 757554 h 874716"/>
              <a:gd name="connsiteX186" fmla="*/ 6409586 w 6857455"/>
              <a:gd name="connsiteY186" fmla="*/ 773177 h 874716"/>
              <a:gd name="connsiteX187" fmla="*/ 6477407 w 6857455"/>
              <a:gd name="connsiteY187" fmla="*/ 774129 h 874716"/>
              <a:gd name="connsiteX188" fmla="*/ 6596283 w 6857455"/>
              <a:gd name="connsiteY188" fmla="*/ 786703 h 874716"/>
              <a:gd name="connsiteX189" fmla="*/ 6622573 w 6857455"/>
              <a:gd name="connsiteY189" fmla="*/ 782321 h 874716"/>
              <a:gd name="connsiteX190" fmla="*/ 6704872 w 6857455"/>
              <a:gd name="connsiteY190" fmla="*/ 780607 h 874716"/>
              <a:gd name="connsiteX191" fmla="*/ 6751738 w 6857455"/>
              <a:gd name="connsiteY191" fmla="*/ 779273 h 874716"/>
              <a:gd name="connsiteX192" fmla="*/ 6809650 w 6857455"/>
              <a:gd name="connsiteY192" fmla="*/ 788417 h 874716"/>
              <a:gd name="connsiteX193" fmla="*/ 6832976 w 6857455"/>
              <a:gd name="connsiteY193" fmla="*/ 800428 h 8747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</a:cxnLst>
            <a:rect l="l" t="t" r="r" b="b"/>
            <a:pathLst>
              <a:path w="6857455" h="874716">
                <a:moveTo>
                  <a:pt x="6857455" y="804643"/>
                </a:moveTo>
                <a:lnTo>
                  <a:pt x="6857455" y="562246"/>
                </a:lnTo>
                <a:lnTo>
                  <a:pt x="6829178" y="551284"/>
                </a:lnTo>
                <a:cubicBezTo>
                  <a:pt x="6805745" y="539044"/>
                  <a:pt x="6784885" y="521708"/>
                  <a:pt x="6766024" y="500372"/>
                </a:cubicBezTo>
                <a:cubicBezTo>
                  <a:pt x="6755166" y="488179"/>
                  <a:pt x="6746784" y="486845"/>
                  <a:pt x="6734971" y="500944"/>
                </a:cubicBezTo>
                <a:cubicBezTo>
                  <a:pt x="6721257" y="517326"/>
                  <a:pt x="6701634" y="510850"/>
                  <a:pt x="6683915" y="507040"/>
                </a:cubicBezTo>
                <a:cubicBezTo>
                  <a:pt x="6665629" y="503230"/>
                  <a:pt x="6647148" y="499228"/>
                  <a:pt x="6628860" y="495418"/>
                </a:cubicBezTo>
                <a:cubicBezTo>
                  <a:pt x="6615335" y="492752"/>
                  <a:pt x="6601999" y="490466"/>
                  <a:pt x="6588662" y="487227"/>
                </a:cubicBezTo>
                <a:cubicBezTo>
                  <a:pt x="6547133" y="477129"/>
                  <a:pt x="6509794" y="480177"/>
                  <a:pt x="6476074" y="511230"/>
                </a:cubicBezTo>
                <a:cubicBezTo>
                  <a:pt x="6450356" y="535043"/>
                  <a:pt x="6417399" y="542093"/>
                  <a:pt x="6382345" y="534853"/>
                </a:cubicBezTo>
                <a:cubicBezTo>
                  <a:pt x="6377963" y="533901"/>
                  <a:pt x="6372439" y="530091"/>
                  <a:pt x="6369391" y="531615"/>
                </a:cubicBezTo>
                <a:cubicBezTo>
                  <a:pt x="6323479" y="553904"/>
                  <a:pt x="6287092" y="514658"/>
                  <a:pt x="6244799" y="512182"/>
                </a:cubicBezTo>
                <a:cubicBezTo>
                  <a:pt x="6226130" y="511040"/>
                  <a:pt x="6207079" y="496942"/>
                  <a:pt x="6190315" y="485703"/>
                </a:cubicBezTo>
                <a:cubicBezTo>
                  <a:pt x="6167262" y="470271"/>
                  <a:pt x="6146687" y="455412"/>
                  <a:pt x="6115446" y="462270"/>
                </a:cubicBezTo>
                <a:cubicBezTo>
                  <a:pt x="6084203" y="469319"/>
                  <a:pt x="6055627" y="456364"/>
                  <a:pt x="6032194" y="434266"/>
                </a:cubicBezTo>
                <a:cubicBezTo>
                  <a:pt x="6014287" y="417501"/>
                  <a:pt x="5994665" y="415977"/>
                  <a:pt x="5971042" y="420738"/>
                </a:cubicBezTo>
                <a:cubicBezTo>
                  <a:pt x="5941513" y="426645"/>
                  <a:pt x="5910842" y="427027"/>
                  <a:pt x="5880933" y="430646"/>
                </a:cubicBezTo>
                <a:cubicBezTo>
                  <a:pt x="5874454" y="431408"/>
                  <a:pt x="5866265" y="434076"/>
                  <a:pt x="5862452" y="438648"/>
                </a:cubicBezTo>
                <a:cubicBezTo>
                  <a:pt x="5815779" y="495418"/>
                  <a:pt x="5750055" y="495990"/>
                  <a:pt x="5685283" y="498658"/>
                </a:cubicBezTo>
                <a:cubicBezTo>
                  <a:pt x="5646039" y="500372"/>
                  <a:pt x="5606604" y="500372"/>
                  <a:pt x="5567169" y="499420"/>
                </a:cubicBezTo>
                <a:cubicBezTo>
                  <a:pt x="5553832" y="499228"/>
                  <a:pt x="5539736" y="496180"/>
                  <a:pt x="5527923" y="490466"/>
                </a:cubicBezTo>
                <a:cubicBezTo>
                  <a:pt x="5503348" y="478463"/>
                  <a:pt x="5480680" y="462843"/>
                  <a:pt x="5456292" y="450650"/>
                </a:cubicBezTo>
                <a:cubicBezTo>
                  <a:pt x="5447151" y="445886"/>
                  <a:pt x="5435338" y="445696"/>
                  <a:pt x="5424670" y="444934"/>
                </a:cubicBezTo>
                <a:cubicBezTo>
                  <a:pt x="5405809" y="443410"/>
                  <a:pt x="5384854" y="447982"/>
                  <a:pt x="5368662" y="441124"/>
                </a:cubicBezTo>
                <a:cubicBezTo>
                  <a:pt x="5326559" y="423407"/>
                  <a:pt x="5287123" y="427407"/>
                  <a:pt x="5247118" y="444934"/>
                </a:cubicBezTo>
                <a:cubicBezTo>
                  <a:pt x="5191108" y="469509"/>
                  <a:pt x="5138148" y="467605"/>
                  <a:pt x="5088617" y="428742"/>
                </a:cubicBezTo>
                <a:cubicBezTo>
                  <a:pt x="5066328" y="411215"/>
                  <a:pt x="5044609" y="419596"/>
                  <a:pt x="5025750" y="433694"/>
                </a:cubicBezTo>
                <a:cubicBezTo>
                  <a:pt x="5004032" y="450078"/>
                  <a:pt x="4982885" y="454268"/>
                  <a:pt x="4957930" y="442268"/>
                </a:cubicBezTo>
                <a:cubicBezTo>
                  <a:pt x="4952404" y="439600"/>
                  <a:pt x="4944594" y="440933"/>
                  <a:pt x="4938116" y="441886"/>
                </a:cubicBezTo>
                <a:cubicBezTo>
                  <a:pt x="4901158" y="446648"/>
                  <a:pt x="4864009" y="454650"/>
                  <a:pt x="4833910" y="421693"/>
                </a:cubicBezTo>
                <a:cubicBezTo>
                  <a:pt x="4828004" y="415214"/>
                  <a:pt x="4818097" y="412549"/>
                  <a:pt x="4810095" y="408167"/>
                </a:cubicBezTo>
                <a:cubicBezTo>
                  <a:pt x="4776566" y="390258"/>
                  <a:pt x="4777900" y="391974"/>
                  <a:pt x="4747991" y="413691"/>
                </a:cubicBezTo>
                <a:cubicBezTo>
                  <a:pt x="4732369" y="425121"/>
                  <a:pt x="4710842" y="436742"/>
                  <a:pt x="4692745" y="435790"/>
                </a:cubicBezTo>
                <a:cubicBezTo>
                  <a:pt x="4583584" y="430075"/>
                  <a:pt x="4479758" y="457508"/>
                  <a:pt x="4375933" y="483417"/>
                </a:cubicBezTo>
                <a:cubicBezTo>
                  <a:pt x="4311923" y="499420"/>
                  <a:pt x="4249436" y="500372"/>
                  <a:pt x="4185426" y="484179"/>
                </a:cubicBezTo>
                <a:cubicBezTo>
                  <a:pt x="4139133" y="472367"/>
                  <a:pt x="4095315" y="491800"/>
                  <a:pt x="4052072" y="505134"/>
                </a:cubicBezTo>
                <a:cubicBezTo>
                  <a:pt x="4043117" y="507799"/>
                  <a:pt x="4034735" y="518278"/>
                  <a:pt x="4029973" y="527233"/>
                </a:cubicBezTo>
                <a:cubicBezTo>
                  <a:pt x="4012826" y="558858"/>
                  <a:pt x="3984441" y="563810"/>
                  <a:pt x="3948626" y="550666"/>
                </a:cubicBezTo>
                <a:cubicBezTo>
                  <a:pt x="3920241" y="540377"/>
                  <a:pt x="3894332" y="526661"/>
                  <a:pt x="3871280" y="502275"/>
                </a:cubicBezTo>
                <a:cubicBezTo>
                  <a:pt x="3844229" y="473701"/>
                  <a:pt x="3816224" y="441124"/>
                  <a:pt x="3774312" y="429122"/>
                </a:cubicBezTo>
                <a:cubicBezTo>
                  <a:pt x="3756214" y="423979"/>
                  <a:pt x="3740593" y="423217"/>
                  <a:pt x="3721543" y="428552"/>
                </a:cubicBezTo>
                <a:cubicBezTo>
                  <a:pt x="3684583" y="438837"/>
                  <a:pt x="3647436" y="446078"/>
                  <a:pt x="3612763" y="414263"/>
                </a:cubicBezTo>
                <a:cubicBezTo>
                  <a:pt x="3593712" y="396736"/>
                  <a:pt x="3567994" y="385496"/>
                  <a:pt x="3537323" y="389878"/>
                </a:cubicBezTo>
                <a:cubicBezTo>
                  <a:pt x="3499031" y="395402"/>
                  <a:pt x="3464168" y="381496"/>
                  <a:pt x="3431593" y="360921"/>
                </a:cubicBezTo>
                <a:cubicBezTo>
                  <a:pt x="3419971" y="353491"/>
                  <a:pt x="3405682" y="349301"/>
                  <a:pt x="3392158" y="345681"/>
                </a:cubicBezTo>
                <a:cubicBezTo>
                  <a:pt x="3360915" y="337298"/>
                  <a:pt x="3329480" y="329868"/>
                  <a:pt x="3297856" y="323010"/>
                </a:cubicBezTo>
                <a:cubicBezTo>
                  <a:pt x="3271948" y="317296"/>
                  <a:pt x="3245849" y="313104"/>
                  <a:pt x="3219748" y="308151"/>
                </a:cubicBezTo>
                <a:cubicBezTo>
                  <a:pt x="3191173" y="302817"/>
                  <a:pt x="3168502" y="290433"/>
                  <a:pt x="3156692" y="261668"/>
                </a:cubicBezTo>
                <a:cubicBezTo>
                  <a:pt x="3152882" y="252524"/>
                  <a:pt x="3143737" y="245283"/>
                  <a:pt x="3136497" y="237663"/>
                </a:cubicBezTo>
                <a:cubicBezTo>
                  <a:pt x="3131355" y="232139"/>
                  <a:pt x="3124495" y="227947"/>
                  <a:pt x="3119733" y="222233"/>
                </a:cubicBezTo>
                <a:cubicBezTo>
                  <a:pt x="3094776" y="192132"/>
                  <a:pt x="3070201" y="161843"/>
                  <a:pt x="3045436" y="131742"/>
                </a:cubicBezTo>
                <a:cubicBezTo>
                  <a:pt x="3042958" y="128884"/>
                  <a:pt x="3040292" y="125455"/>
                  <a:pt x="3037054" y="124121"/>
                </a:cubicBezTo>
                <a:cubicBezTo>
                  <a:pt x="3003525" y="110215"/>
                  <a:pt x="2969614" y="97070"/>
                  <a:pt x="2936466" y="82400"/>
                </a:cubicBezTo>
                <a:cubicBezTo>
                  <a:pt x="2923702" y="76686"/>
                  <a:pt x="2910558" y="69637"/>
                  <a:pt x="2901031" y="59731"/>
                </a:cubicBezTo>
                <a:cubicBezTo>
                  <a:pt x="2879314" y="37250"/>
                  <a:pt x="2859502" y="12866"/>
                  <a:pt x="2828259" y="3149"/>
                </a:cubicBezTo>
                <a:cubicBezTo>
                  <a:pt x="2819114" y="293"/>
                  <a:pt x="2808256" y="-1231"/>
                  <a:pt x="2799492" y="1245"/>
                </a:cubicBezTo>
                <a:cubicBezTo>
                  <a:pt x="2763867" y="11532"/>
                  <a:pt x="2729005" y="24296"/>
                  <a:pt x="2693570" y="35154"/>
                </a:cubicBezTo>
                <a:cubicBezTo>
                  <a:pt x="2671092" y="41823"/>
                  <a:pt x="2650707" y="49825"/>
                  <a:pt x="2639847" y="73448"/>
                </a:cubicBezTo>
                <a:cubicBezTo>
                  <a:pt x="2636801" y="80114"/>
                  <a:pt x="2628226" y="87354"/>
                  <a:pt x="2621178" y="88688"/>
                </a:cubicBezTo>
                <a:cubicBezTo>
                  <a:pt x="2575839" y="97260"/>
                  <a:pt x="2531069" y="101451"/>
                  <a:pt x="2489348" y="72304"/>
                </a:cubicBezTo>
                <a:cubicBezTo>
                  <a:pt x="2480585" y="66017"/>
                  <a:pt x="2464201" y="66017"/>
                  <a:pt x="2452580" y="68683"/>
                </a:cubicBezTo>
                <a:cubicBezTo>
                  <a:pt x="2407811" y="78590"/>
                  <a:pt x="2365328" y="82020"/>
                  <a:pt x="2326464" y="50395"/>
                </a:cubicBezTo>
                <a:cubicBezTo>
                  <a:pt x="2321892" y="46585"/>
                  <a:pt x="2307224" y="50015"/>
                  <a:pt x="2300365" y="54777"/>
                </a:cubicBezTo>
                <a:cubicBezTo>
                  <a:pt x="2234259" y="101261"/>
                  <a:pt x="2198064" y="102405"/>
                  <a:pt x="2130434" y="58397"/>
                </a:cubicBezTo>
                <a:cubicBezTo>
                  <a:pt x="2126052" y="55539"/>
                  <a:pt x="2120337" y="52301"/>
                  <a:pt x="2118621" y="47919"/>
                </a:cubicBezTo>
                <a:cubicBezTo>
                  <a:pt x="2107001" y="19914"/>
                  <a:pt x="2082236" y="19152"/>
                  <a:pt x="2057659" y="16866"/>
                </a:cubicBezTo>
                <a:cubicBezTo>
                  <a:pt x="2030608" y="14390"/>
                  <a:pt x="2003555" y="11152"/>
                  <a:pt x="1976314" y="8865"/>
                </a:cubicBezTo>
                <a:cubicBezTo>
                  <a:pt x="1971550" y="8483"/>
                  <a:pt x="1966216" y="10007"/>
                  <a:pt x="1961454" y="11724"/>
                </a:cubicBezTo>
                <a:cubicBezTo>
                  <a:pt x="1943165" y="18010"/>
                  <a:pt x="1925449" y="27154"/>
                  <a:pt x="1906588" y="30964"/>
                </a:cubicBezTo>
                <a:cubicBezTo>
                  <a:pt x="1865821" y="39156"/>
                  <a:pt x="1826385" y="55539"/>
                  <a:pt x="1783330" y="48871"/>
                </a:cubicBezTo>
                <a:cubicBezTo>
                  <a:pt x="1775902" y="47729"/>
                  <a:pt x="1767327" y="53253"/>
                  <a:pt x="1759327" y="55349"/>
                </a:cubicBezTo>
                <a:cubicBezTo>
                  <a:pt x="1744849" y="58969"/>
                  <a:pt x="1730750" y="64111"/>
                  <a:pt x="1716082" y="65445"/>
                </a:cubicBezTo>
                <a:cubicBezTo>
                  <a:pt x="1677218" y="68875"/>
                  <a:pt x="1637975" y="71924"/>
                  <a:pt x="1598920" y="72114"/>
                </a:cubicBezTo>
                <a:cubicBezTo>
                  <a:pt x="1580061" y="72304"/>
                  <a:pt x="1561201" y="65065"/>
                  <a:pt x="1542150" y="62207"/>
                </a:cubicBezTo>
                <a:cubicBezTo>
                  <a:pt x="1533578" y="60873"/>
                  <a:pt x="1519669" y="58587"/>
                  <a:pt x="1516813" y="62779"/>
                </a:cubicBezTo>
                <a:cubicBezTo>
                  <a:pt x="1494714" y="94592"/>
                  <a:pt x="1463661" y="88496"/>
                  <a:pt x="1432228" y="88116"/>
                </a:cubicBezTo>
                <a:cubicBezTo>
                  <a:pt x="1362884" y="87354"/>
                  <a:pt x="1295826" y="60493"/>
                  <a:pt x="1224765" y="71924"/>
                </a:cubicBezTo>
                <a:cubicBezTo>
                  <a:pt x="1204191" y="75162"/>
                  <a:pt x="1181330" y="62397"/>
                  <a:pt x="1159231" y="58207"/>
                </a:cubicBezTo>
                <a:cubicBezTo>
                  <a:pt x="1147801" y="56111"/>
                  <a:pt x="1135228" y="53633"/>
                  <a:pt x="1124370" y="56301"/>
                </a:cubicBezTo>
                <a:cubicBezTo>
                  <a:pt x="1107605" y="60493"/>
                  <a:pt x="1091411" y="68113"/>
                  <a:pt x="1075600" y="75542"/>
                </a:cubicBezTo>
                <a:cubicBezTo>
                  <a:pt x="1046261" y="89258"/>
                  <a:pt x="1016162" y="89258"/>
                  <a:pt x="986633" y="79162"/>
                </a:cubicBezTo>
                <a:cubicBezTo>
                  <a:pt x="944722" y="64873"/>
                  <a:pt x="903193" y="64873"/>
                  <a:pt x="861089" y="76304"/>
                </a:cubicBezTo>
                <a:cubicBezTo>
                  <a:pt x="826990" y="85638"/>
                  <a:pt x="791935" y="92116"/>
                  <a:pt x="759168" y="104689"/>
                </a:cubicBezTo>
                <a:cubicBezTo>
                  <a:pt x="744689" y="110215"/>
                  <a:pt x="732497" y="126597"/>
                  <a:pt x="723735" y="140696"/>
                </a:cubicBezTo>
                <a:cubicBezTo>
                  <a:pt x="706018" y="169271"/>
                  <a:pt x="674013" y="169081"/>
                  <a:pt x="647532" y="147934"/>
                </a:cubicBezTo>
                <a:cubicBezTo>
                  <a:pt x="619717" y="125645"/>
                  <a:pt x="584664" y="112501"/>
                  <a:pt x="552659" y="95926"/>
                </a:cubicBezTo>
                <a:cubicBezTo>
                  <a:pt x="549993" y="94592"/>
                  <a:pt x="545039" y="96116"/>
                  <a:pt x="541800" y="97640"/>
                </a:cubicBezTo>
                <a:cubicBezTo>
                  <a:pt x="488649" y="122407"/>
                  <a:pt x="433593" y="126979"/>
                  <a:pt x="375107" y="123169"/>
                </a:cubicBezTo>
                <a:cubicBezTo>
                  <a:pt x="341960" y="121073"/>
                  <a:pt x="307289" y="137076"/>
                  <a:pt x="273567" y="145458"/>
                </a:cubicBezTo>
                <a:cubicBezTo>
                  <a:pt x="269757" y="146410"/>
                  <a:pt x="266519" y="151174"/>
                  <a:pt x="264043" y="154792"/>
                </a:cubicBezTo>
                <a:cubicBezTo>
                  <a:pt x="240228" y="190800"/>
                  <a:pt x="208223" y="200706"/>
                  <a:pt x="169360" y="177273"/>
                </a:cubicBezTo>
                <a:cubicBezTo>
                  <a:pt x="143643" y="161651"/>
                  <a:pt x="118114" y="158032"/>
                  <a:pt x="89347" y="157460"/>
                </a:cubicBezTo>
                <a:cubicBezTo>
                  <a:pt x="71059" y="157078"/>
                  <a:pt x="52962" y="147934"/>
                  <a:pt x="34291" y="145268"/>
                </a:cubicBezTo>
                <a:lnTo>
                  <a:pt x="0" y="142056"/>
                </a:lnTo>
                <a:lnTo>
                  <a:pt x="0" y="849556"/>
                </a:lnTo>
                <a:lnTo>
                  <a:pt x="60652" y="844783"/>
                </a:lnTo>
                <a:cubicBezTo>
                  <a:pt x="80251" y="839473"/>
                  <a:pt x="99446" y="832043"/>
                  <a:pt x="119068" y="827281"/>
                </a:cubicBezTo>
                <a:cubicBezTo>
                  <a:pt x="137355" y="822899"/>
                  <a:pt x="154501" y="812802"/>
                  <a:pt x="171840" y="804420"/>
                </a:cubicBezTo>
                <a:cubicBezTo>
                  <a:pt x="204985" y="788417"/>
                  <a:pt x="240420" y="798514"/>
                  <a:pt x="274329" y="794324"/>
                </a:cubicBezTo>
                <a:cubicBezTo>
                  <a:pt x="285188" y="792990"/>
                  <a:pt x="296046" y="791466"/>
                  <a:pt x="306715" y="788798"/>
                </a:cubicBezTo>
                <a:cubicBezTo>
                  <a:pt x="335864" y="781749"/>
                  <a:pt x="365583" y="775653"/>
                  <a:pt x="393967" y="765937"/>
                </a:cubicBezTo>
                <a:cubicBezTo>
                  <a:pt x="426165" y="755078"/>
                  <a:pt x="457028" y="740600"/>
                  <a:pt x="493793" y="725549"/>
                </a:cubicBezTo>
                <a:cubicBezTo>
                  <a:pt x="506557" y="729360"/>
                  <a:pt x="526180" y="739648"/>
                  <a:pt x="546373" y="740600"/>
                </a:cubicBezTo>
                <a:cubicBezTo>
                  <a:pt x="611337" y="743838"/>
                  <a:pt x="672107" y="726121"/>
                  <a:pt x="730211" y="698116"/>
                </a:cubicBezTo>
                <a:cubicBezTo>
                  <a:pt x="747927" y="689734"/>
                  <a:pt x="766980" y="684210"/>
                  <a:pt x="784889" y="676018"/>
                </a:cubicBezTo>
                <a:cubicBezTo>
                  <a:pt x="791173" y="673161"/>
                  <a:pt x="799365" y="667065"/>
                  <a:pt x="800509" y="661349"/>
                </a:cubicBezTo>
                <a:cubicBezTo>
                  <a:pt x="807175" y="628201"/>
                  <a:pt x="831942" y="628772"/>
                  <a:pt x="857661" y="626868"/>
                </a:cubicBezTo>
                <a:cubicBezTo>
                  <a:pt x="888332" y="624582"/>
                  <a:pt x="918621" y="619248"/>
                  <a:pt x="949102" y="614676"/>
                </a:cubicBezTo>
                <a:cubicBezTo>
                  <a:pt x="953104" y="614104"/>
                  <a:pt x="956722" y="610104"/>
                  <a:pt x="960342" y="607435"/>
                </a:cubicBezTo>
                <a:cubicBezTo>
                  <a:pt x="965867" y="603435"/>
                  <a:pt x="971011" y="597339"/>
                  <a:pt x="977109" y="595815"/>
                </a:cubicBezTo>
                <a:cubicBezTo>
                  <a:pt x="1008350" y="588385"/>
                  <a:pt x="1039783" y="582099"/>
                  <a:pt x="1071218" y="575240"/>
                </a:cubicBezTo>
                <a:cubicBezTo>
                  <a:pt x="1078266" y="573716"/>
                  <a:pt x="1085505" y="571812"/>
                  <a:pt x="1091983" y="568764"/>
                </a:cubicBezTo>
                <a:cubicBezTo>
                  <a:pt x="1098079" y="565906"/>
                  <a:pt x="1103223" y="560952"/>
                  <a:pt x="1109321" y="557904"/>
                </a:cubicBezTo>
                <a:cubicBezTo>
                  <a:pt x="1125892" y="549714"/>
                  <a:pt x="1142851" y="542093"/>
                  <a:pt x="1162279" y="532949"/>
                </a:cubicBezTo>
                <a:cubicBezTo>
                  <a:pt x="1173138" y="550094"/>
                  <a:pt x="1187810" y="540377"/>
                  <a:pt x="1206097" y="532187"/>
                </a:cubicBezTo>
                <a:cubicBezTo>
                  <a:pt x="1224765" y="523805"/>
                  <a:pt x="1246292" y="521137"/>
                  <a:pt x="1266867" y="518088"/>
                </a:cubicBezTo>
                <a:cubicBezTo>
                  <a:pt x="1304588" y="512564"/>
                  <a:pt x="1342499" y="509134"/>
                  <a:pt x="1380219" y="504182"/>
                </a:cubicBezTo>
                <a:cubicBezTo>
                  <a:pt x="1388221" y="503038"/>
                  <a:pt x="1397365" y="500944"/>
                  <a:pt x="1403461" y="496180"/>
                </a:cubicBezTo>
                <a:cubicBezTo>
                  <a:pt x="1445181" y="464175"/>
                  <a:pt x="1495858" y="455222"/>
                  <a:pt x="1544054" y="458268"/>
                </a:cubicBezTo>
                <a:cubicBezTo>
                  <a:pt x="1581965" y="460557"/>
                  <a:pt x="1619114" y="462270"/>
                  <a:pt x="1656644" y="459032"/>
                </a:cubicBezTo>
                <a:cubicBezTo>
                  <a:pt x="1659502" y="458841"/>
                  <a:pt x="1663312" y="459223"/>
                  <a:pt x="1665406" y="460747"/>
                </a:cubicBezTo>
                <a:cubicBezTo>
                  <a:pt x="1678360" y="470843"/>
                  <a:pt x="1691887" y="471605"/>
                  <a:pt x="1708461" y="473318"/>
                </a:cubicBezTo>
                <a:cubicBezTo>
                  <a:pt x="1731894" y="475797"/>
                  <a:pt x="1753421" y="474081"/>
                  <a:pt x="1775140" y="469891"/>
                </a:cubicBezTo>
                <a:cubicBezTo>
                  <a:pt x="1790952" y="466843"/>
                  <a:pt x="1806953" y="460557"/>
                  <a:pt x="1821051" y="452554"/>
                </a:cubicBezTo>
                <a:cubicBezTo>
                  <a:pt x="1840672" y="441314"/>
                  <a:pt x="1859535" y="436934"/>
                  <a:pt x="1878203" y="451792"/>
                </a:cubicBezTo>
                <a:cubicBezTo>
                  <a:pt x="1898396" y="467605"/>
                  <a:pt x="1921257" y="462081"/>
                  <a:pt x="1943547" y="462651"/>
                </a:cubicBezTo>
                <a:cubicBezTo>
                  <a:pt x="1953262" y="462843"/>
                  <a:pt x="1963550" y="462461"/>
                  <a:pt x="1972884" y="464937"/>
                </a:cubicBezTo>
                <a:cubicBezTo>
                  <a:pt x="1999935" y="471987"/>
                  <a:pt x="2026036" y="482655"/>
                  <a:pt x="2053469" y="487417"/>
                </a:cubicBezTo>
                <a:cubicBezTo>
                  <a:pt x="2068710" y="490084"/>
                  <a:pt x="2085664" y="485321"/>
                  <a:pt x="2101477" y="481893"/>
                </a:cubicBezTo>
                <a:cubicBezTo>
                  <a:pt x="2117479" y="478273"/>
                  <a:pt x="2133290" y="472749"/>
                  <a:pt x="2148722" y="467033"/>
                </a:cubicBezTo>
                <a:cubicBezTo>
                  <a:pt x="2159199" y="463223"/>
                  <a:pt x="2170629" y="459603"/>
                  <a:pt x="2179011" y="452744"/>
                </a:cubicBezTo>
                <a:cubicBezTo>
                  <a:pt x="2198064" y="437124"/>
                  <a:pt x="2217685" y="434455"/>
                  <a:pt x="2240165" y="442648"/>
                </a:cubicBezTo>
                <a:cubicBezTo>
                  <a:pt x="2243593" y="443982"/>
                  <a:pt x="2247594" y="443982"/>
                  <a:pt x="2251404" y="444172"/>
                </a:cubicBezTo>
                <a:cubicBezTo>
                  <a:pt x="2312370" y="448172"/>
                  <a:pt x="2373330" y="450650"/>
                  <a:pt x="2433912" y="456746"/>
                </a:cubicBezTo>
                <a:cubicBezTo>
                  <a:pt x="2458485" y="459223"/>
                  <a:pt x="2482107" y="470081"/>
                  <a:pt x="2506302" y="476939"/>
                </a:cubicBezTo>
                <a:cubicBezTo>
                  <a:pt x="2511256" y="478273"/>
                  <a:pt x="2516783" y="480369"/>
                  <a:pt x="2521735" y="479415"/>
                </a:cubicBezTo>
                <a:cubicBezTo>
                  <a:pt x="2575647" y="469891"/>
                  <a:pt x="2626132" y="483797"/>
                  <a:pt x="2675854" y="502086"/>
                </a:cubicBezTo>
                <a:cubicBezTo>
                  <a:pt x="2680996" y="503992"/>
                  <a:pt x="2687282" y="503419"/>
                  <a:pt x="2692998" y="503038"/>
                </a:cubicBezTo>
                <a:cubicBezTo>
                  <a:pt x="2709003" y="501706"/>
                  <a:pt x="2726337" y="495038"/>
                  <a:pt x="2740816" y="499037"/>
                </a:cubicBezTo>
                <a:cubicBezTo>
                  <a:pt x="2779297" y="510088"/>
                  <a:pt x="2817398" y="523423"/>
                  <a:pt x="2853596" y="540187"/>
                </a:cubicBezTo>
                <a:cubicBezTo>
                  <a:pt x="2890365" y="557142"/>
                  <a:pt x="2924464" y="571430"/>
                  <a:pt x="2966565" y="554286"/>
                </a:cubicBezTo>
                <a:cubicBezTo>
                  <a:pt x="2984472" y="547045"/>
                  <a:pt x="3008095" y="552190"/>
                  <a:pt x="3028671" y="554094"/>
                </a:cubicBezTo>
                <a:cubicBezTo>
                  <a:pt x="3043720" y="555618"/>
                  <a:pt x="3058198" y="564192"/>
                  <a:pt x="3073059" y="564192"/>
                </a:cubicBezTo>
                <a:cubicBezTo>
                  <a:pt x="3112686" y="564192"/>
                  <a:pt x="3147927" y="574288"/>
                  <a:pt x="3182219" y="594862"/>
                </a:cubicBezTo>
                <a:cubicBezTo>
                  <a:pt x="3195557" y="602863"/>
                  <a:pt x="3216322" y="597529"/>
                  <a:pt x="3233656" y="599625"/>
                </a:cubicBezTo>
                <a:cubicBezTo>
                  <a:pt x="3251947" y="602101"/>
                  <a:pt x="3270804" y="604387"/>
                  <a:pt x="3288332" y="609914"/>
                </a:cubicBezTo>
                <a:cubicBezTo>
                  <a:pt x="3333672" y="624392"/>
                  <a:pt x="3378441" y="640774"/>
                  <a:pt x="3423591" y="656015"/>
                </a:cubicBezTo>
                <a:cubicBezTo>
                  <a:pt x="3460738" y="668590"/>
                  <a:pt x="3497317" y="658683"/>
                  <a:pt x="3534084" y="653349"/>
                </a:cubicBezTo>
                <a:cubicBezTo>
                  <a:pt x="3557137" y="649919"/>
                  <a:pt x="3578662" y="641727"/>
                  <a:pt x="3604571" y="653918"/>
                </a:cubicBezTo>
                <a:cubicBezTo>
                  <a:pt x="3629338" y="665541"/>
                  <a:pt x="3660771" y="662873"/>
                  <a:pt x="3688586" y="669160"/>
                </a:cubicBezTo>
                <a:cubicBezTo>
                  <a:pt x="3712020" y="674494"/>
                  <a:pt x="3734687" y="683068"/>
                  <a:pt x="3757358" y="691450"/>
                </a:cubicBezTo>
                <a:cubicBezTo>
                  <a:pt x="3788221" y="702881"/>
                  <a:pt x="3818700" y="714881"/>
                  <a:pt x="3852421" y="709167"/>
                </a:cubicBezTo>
                <a:cubicBezTo>
                  <a:pt x="3890714" y="702689"/>
                  <a:pt x="3917001" y="727073"/>
                  <a:pt x="3947104" y="743267"/>
                </a:cubicBezTo>
                <a:cubicBezTo>
                  <a:pt x="3967869" y="754316"/>
                  <a:pt x="3990538" y="762509"/>
                  <a:pt x="4013208" y="769367"/>
                </a:cubicBezTo>
                <a:cubicBezTo>
                  <a:pt x="4043497" y="778321"/>
                  <a:pt x="4074740" y="783655"/>
                  <a:pt x="4105222" y="792418"/>
                </a:cubicBezTo>
                <a:cubicBezTo>
                  <a:pt x="4151325" y="805561"/>
                  <a:pt x="4198001" y="815850"/>
                  <a:pt x="4246006" y="808610"/>
                </a:cubicBezTo>
                <a:cubicBezTo>
                  <a:pt x="4268105" y="805372"/>
                  <a:pt x="4288682" y="805561"/>
                  <a:pt x="4310779" y="810326"/>
                </a:cubicBezTo>
                <a:cubicBezTo>
                  <a:pt x="4346974" y="818136"/>
                  <a:pt x="4384123" y="819089"/>
                  <a:pt x="4413272" y="848235"/>
                </a:cubicBezTo>
                <a:cubicBezTo>
                  <a:pt x="4423558" y="858524"/>
                  <a:pt x="4442037" y="861190"/>
                  <a:pt x="4457087" y="866524"/>
                </a:cubicBezTo>
                <a:cubicBezTo>
                  <a:pt x="4474424" y="872812"/>
                  <a:pt x="4487186" y="869572"/>
                  <a:pt x="4496523" y="851284"/>
                </a:cubicBezTo>
                <a:cubicBezTo>
                  <a:pt x="4500713" y="843093"/>
                  <a:pt x="4512715" y="835091"/>
                  <a:pt x="4522050" y="833757"/>
                </a:cubicBezTo>
                <a:cubicBezTo>
                  <a:pt x="4550055" y="829757"/>
                  <a:pt x="4575773" y="835663"/>
                  <a:pt x="4602824" y="848618"/>
                </a:cubicBezTo>
                <a:cubicBezTo>
                  <a:pt x="4628161" y="860810"/>
                  <a:pt x="4659786" y="859476"/>
                  <a:pt x="4688553" y="864238"/>
                </a:cubicBezTo>
                <a:cubicBezTo>
                  <a:pt x="4708936" y="867668"/>
                  <a:pt x="4729321" y="874716"/>
                  <a:pt x="4749895" y="874716"/>
                </a:cubicBezTo>
                <a:cubicBezTo>
                  <a:pt x="4775424" y="874716"/>
                  <a:pt x="4800761" y="868620"/>
                  <a:pt x="4826480" y="866334"/>
                </a:cubicBezTo>
                <a:cubicBezTo>
                  <a:pt x="4846482" y="864430"/>
                  <a:pt x="4866867" y="865192"/>
                  <a:pt x="4886870" y="862906"/>
                </a:cubicBezTo>
                <a:cubicBezTo>
                  <a:pt x="4903254" y="861190"/>
                  <a:pt x="4919447" y="856810"/>
                  <a:pt x="4935639" y="853190"/>
                </a:cubicBezTo>
                <a:cubicBezTo>
                  <a:pt x="4941546" y="851856"/>
                  <a:pt x="4947452" y="846711"/>
                  <a:pt x="4952784" y="847473"/>
                </a:cubicBezTo>
                <a:cubicBezTo>
                  <a:pt x="5005745" y="855666"/>
                  <a:pt x="5043847" y="819089"/>
                  <a:pt x="5088617" y="802896"/>
                </a:cubicBezTo>
                <a:cubicBezTo>
                  <a:pt x="5135672" y="785749"/>
                  <a:pt x="5181204" y="759461"/>
                  <a:pt x="5233781" y="767271"/>
                </a:cubicBezTo>
                <a:cubicBezTo>
                  <a:pt x="5265596" y="772033"/>
                  <a:pt x="5296267" y="783083"/>
                  <a:pt x="5327893" y="789752"/>
                </a:cubicBezTo>
                <a:cubicBezTo>
                  <a:pt x="5339132" y="792038"/>
                  <a:pt x="5351705" y="791656"/>
                  <a:pt x="5362946" y="789370"/>
                </a:cubicBezTo>
                <a:cubicBezTo>
                  <a:pt x="5417240" y="778891"/>
                  <a:pt x="5470771" y="777367"/>
                  <a:pt x="5524115" y="794514"/>
                </a:cubicBezTo>
                <a:cubicBezTo>
                  <a:pt x="5533257" y="797372"/>
                  <a:pt x="5542974" y="800038"/>
                  <a:pt x="5552500" y="800038"/>
                </a:cubicBezTo>
                <a:cubicBezTo>
                  <a:pt x="5604697" y="800038"/>
                  <a:pt x="5655944" y="796038"/>
                  <a:pt x="5705857" y="777367"/>
                </a:cubicBezTo>
                <a:cubicBezTo>
                  <a:pt x="5722622" y="771080"/>
                  <a:pt x="5743006" y="775081"/>
                  <a:pt x="5761485" y="773557"/>
                </a:cubicBezTo>
                <a:cubicBezTo>
                  <a:pt x="5778629" y="772224"/>
                  <a:pt x="5796156" y="771653"/>
                  <a:pt x="5812731" y="767271"/>
                </a:cubicBezTo>
                <a:cubicBezTo>
                  <a:pt x="5836925" y="760795"/>
                  <a:pt x="5859404" y="760033"/>
                  <a:pt x="5884361" y="765747"/>
                </a:cubicBezTo>
                <a:cubicBezTo>
                  <a:pt x="5908174" y="771080"/>
                  <a:pt x="5933892" y="768415"/>
                  <a:pt x="5958660" y="768605"/>
                </a:cubicBezTo>
                <a:cubicBezTo>
                  <a:pt x="5986282" y="768795"/>
                  <a:pt x="6013906" y="768984"/>
                  <a:pt x="6041528" y="768033"/>
                </a:cubicBezTo>
                <a:cubicBezTo>
                  <a:pt x="6052579" y="767653"/>
                  <a:pt x="6065151" y="760033"/>
                  <a:pt x="6074297" y="763081"/>
                </a:cubicBezTo>
                <a:cubicBezTo>
                  <a:pt x="6103824" y="773366"/>
                  <a:pt x="6133353" y="760985"/>
                  <a:pt x="6162880" y="766509"/>
                </a:cubicBezTo>
                <a:cubicBezTo>
                  <a:pt x="6177360" y="769367"/>
                  <a:pt x="6193743" y="761557"/>
                  <a:pt x="6209364" y="760795"/>
                </a:cubicBezTo>
                <a:cubicBezTo>
                  <a:pt x="6234892" y="759461"/>
                  <a:pt x="6260419" y="760033"/>
                  <a:pt x="6285948" y="759651"/>
                </a:cubicBezTo>
                <a:cubicBezTo>
                  <a:pt x="6294330" y="759461"/>
                  <a:pt x="6302523" y="758699"/>
                  <a:pt x="6310905" y="758316"/>
                </a:cubicBezTo>
                <a:cubicBezTo>
                  <a:pt x="6318335" y="757936"/>
                  <a:pt x="6326145" y="756222"/>
                  <a:pt x="6333194" y="757554"/>
                </a:cubicBezTo>
                <a:cubicBezTo>
                  <a:pt x="6358723" y="762318"/>
                  <a:pt x="6383869" y="770129"/>
                  <a:pt x="6409586" y="773177"/>
                </a:cubicBezTo>
                <a:cubicBezTo>
                  <a:pt x="6431875" y="775843"/>
                  <a:pt x="6454928" y="772224"/>
                  <a:pt x="6477407" y="774129"/>
                </a:cubicBezTo>
                <a:cubicBezTo>
                  <a:pt x="6517032" y="777367"/>
                  <a:pt x="6556657" y="783083"/>
                  <a:pt x="6596283" y="786703"/>
                </a:cubicBezTo>
                <a:cubicBezTo>
                  <a:pt x="6604857" y="787465"/>
                  <a:pt x="6613809" y="782701"/>
                  <a:pt x="6622573" y="782321"/>
                </a:cubicBezTo>
                <a:cubicBezTo>
                  <a:pt x="6650006" y="781369"/>
                  <a:pt x="6677439" y="781177"/>
                  <a:pt x="6704872" y="780607"/>
                </a:cubicBezTo>
                <a:cubicBezTo>
                  <a:pt x="6720493" y="780415"/>
                  <a:pt x="6736305" y="780987"/>
                  <a:pt x="6751738" y="779273"/>
                </a:cubicBezTo>
                <a:cubicBezTo>
                  <a:pt x="6772120" y="776987"/>
                  <a:pt x="6790599" y="773557"/>
                  <a:pt x="6809650" y="788417"/>
                </a:cubicBezTo>
                <a:cubicBezTo>
                  <a:pt x="6816984" y="794180"/>
                  <a:pt x="6824819" y="797942"/>
                  <a:pt x="6832976" y="800428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5" name="Freeform: Shape 24">
            <a:extLst>
              <a:ext uri="{FF2B5EF4-FFF2-40B4-BE49-F238E27FC236}">
                <a16:creationId xmlns:a16="http://schemas.microsoft.com/office/drawing/2014/main" id="{9E4574B5-C90E-412D-BAB0-B9F483290C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 flipH="1">
            <a:off x="2640988" y="2991370"/>
            <a:ext cx="6857455" cy="874716"/>
          </a:xfrm>
          <a:custGeom>
            <a:avLst/>
            <a:gdLst>
              <a:gd name="connsiteX0" fmla="*/ 6857455 w 6857455"/>
              <a:gd name="connsiteY0" fmla="*/ 804643 h 874716"/>
              <a:gd name="connsiteX1" fmla="*/ 6857455 w 6857455"/>
              <a:gd name="connsiteY1" fmla="*/ 562246 h 874716"/>
              <a:gd name="connsiteX2" fmla="*/ 6829178 w 6857455"/>
              <a:gd name="connsiteY2" fmla="*/ 551284 h 874716"/>
              <a:gd name="connsiteX3" fmla="*/ 6766024 w 6857455"/>
              <a:gd name="connsiteY3" fmla="*/ 500372 h 874716"/>
              <a:gd name="connsiteX4" fmla="*/ 6734971 w 6857455"/>
              <a:gd name="connsiteY4" fmla="*/ 500944 h 874716"/>
              <a:gd name="connsiteX5" fmla="*/ 6683915 w 6857455"/>
              <a:gd name="connsiteY5" fmla="*/ 507040 h 874716"/>
              <a:gd name="connsiteX6" fmla="*/ 6628860 w 6857455"/>
              <a:gd name="connsiteY6" fmla="*/ 495418 h 874716"/>
              <a:gd name="connsiteX7" fmla="*/ 6588662 w 6857455"/>
              <a:gd name="connsiteY7" fmla="*/ 487227 h 874716"/>
              <a:gd name="connsiteX8" fmla="*/ 6476074 w 6857455"/>
              <a:gd name="connsiteY8" fmla="*/ 511230 h 874716"/>
              <a:gd name="connsiteX9" fmla="*/ 6382345 w 6857455"/>
              <a:gd name="connsiteY9" fmla="*/ 534853 h 874716"/>
              <a:gd name="connsiteX10" fmla="*/ 6369391 w 6857455"/>
              <a:gd name="connsiteY10" fmla="*/ 531615 h 874716"/>
              <a:gd name="connsiteX11" fmla="*/ 6244799 w 6857455"/>
              <a:gd name="connsiteY11" fmla="*/ 512182 h 874716"/>
              <a:gd name="connsiteX12" fmla="*/ 6190315 w 6857455"/>
              <a:gd name="connsiteY12" fmla="*/ 485703 h 874716"/>
              <a:gd name="connsiteX13" fmla="*/ 6115446 w 6857455"/>
              <a:gd name="connsiteY13" fmla="*/ 462270 h 874716"/>
              <a:gd name="connsiteX14" fmla="*/ 6032194 w 6857455"/>
              <a:gd name="connsiteY14" fmla="*/ 434266 h 874716"/>
              <a:gd name="connsiteX15" fmla="*/ 5971042 w 6857455"/>
              <a:gd name="connsiteY15" fmla="*/ 420738 h 874716"/>
              <a:gd name="connsiteX16" fmla="*/ 5880933 w 6857455"/>
              <a:gd name="connsiteY16" fmla="*/ 430646 h 874716"/>
              <a:gd name="connsiteX17" fmla="*/ 5862452 w 6857455"/>
              <a:gd name="connsiteY17" fmla="*/ 438648 h 874716"/>
              <a:gd name="connsiteX18" fmla="*/ 5685283 w 6857455"/>
              <a:gd name="connsiteY18" fmla="*/ 498658 h 874716"/>
              <a:gd name="connsiteX19" fmla="*/ 5567169 w 6857455"/>
              <a:gd name="connsiteY19" fmla="*/ 499420 h 874716"/>
              <a:gd name="connsiteX20" fmla="*/ 5527923 w 6857455"/>
              <a:gd name="connsiteY20" fmla="*/ 490466 h 874716"/>
              <a:gd name="connsiteX21" fmla="*/ 5456292 w 6857455"/>
              <a:gd name="connsiteY21" fmla="*/ 450650 h 874716"/>
              <a:gd name="connsiteX22" fmla="*/ 5424670 w 6857455"/>
              <a:gd name="connsiteY22" fmla="*/ 444934 h 874716"/>
              <a:gd name="connsiteX23" fmla="*/ 5368662 w 6857455"/>
              <a:gd name="connsiteY23" fmla="*/ 441124 h 874716"/>
              <a:gd name="connsiteX24" fmla="*/ 5247118 w 6857455"/>
              <a:gd name="connsiteY24" fmla="*/ 444934 h 874716"/>
              <a:gd name="connsiteX25" fmla="*/ 5088617 w 6857455"/>
              <a:gd name="connsiteY25" fmla="*/ 428742 h 874716"/>
              <a:gd name="connsiteX26" fmla="*/ 5025750 w 6857455"/>
              <a:gd name="connsiteY26" fmla="*/ 433694 h 874716"/>
              <a:gd name="connsiteX27" fmla="*/ 4957930 w 6857455"/>
              <a:gd name="connsiteY27" fmla="*/ 442268 h 874716"/>
              <a:gd name="connsiteX28" fmla="*/ 4938116 w 6857455"/>
              <a:gd name="connsiteY28" fmla="*/ 441886 h 874716"/>
              <a:gd name="connsiteX29" fmla="*/ 4833910 w 6857455"/>
              <a:gd name="connsiteY29" fmla="*/ 421693 h 874716"/>
              <a:gd name="connsiteX30" fmla="*/ 4810095 w 6857455"/>
              <a:gd name="connsiteY30" fmla="*/ 408167 h 874716"/>
              <a:gd name="connsiteX31" fmla="*/ 4747991 w 6857455"/>
              <a:gd name="connsiteY31" fmla="*/ 413691 h 874716"/>
              <a:gd name="connsiteX32" fmla="*/ 4692745 w 6857455"/>
              <a:gd name="connsiteY32" fmla="*/ 435790 h 874716"/>
              <a:gd name="connsiteX33" fmla="*/ 4375933 w 6857455"/>
              <a:gd name="connsiteY33" fmla="*/ 483417 h 874716"/>
              <a:gd name="connsiteX34" fmla="*/ 4185426 w 6857455"/>
              <a:gd name="connsiteY34" fmla="*/ 484179 h 874716"/>
              <a:gd name="connsiteX35" fmla="*/ 4052072 w 6857455"/>
              <a:gd name="connsiteY35" fmla="*/ 505134 h 874716"/>
              <a:gd name="connsiteX36" fmla="*/ 4029973 w 6857455"/>
              <a:gd name="connsiteY36" fmla="*/ 527233 h 874716"/>
              <a:gd name="connsiteX37" fmla="*/ 3948626 w 6857455"/>
              <a:gd name="connsiteY37" fmla="*/ 550666 h 874716"/>
              <a:gd name="connsiteX38" fmla="*/ 3871280 w 6857455"/>
              <a:gd name="connsiteY38" fmla="*/ 502275 h 874716"/>
              <a:gd name="connsiteX39" fmla="*/ 3774312 w 6857455"/>
              <a:gd name="connsiteY39" fmla="*/ 429122 h 874716"/>
              <a:gd name="connsiteX40" fmla="*/ 3721543 w 6857455"/>
              <a:gd name="connsiteY40" fmla="*/ 428552 h 874716"/>
              <a:gd name="connsiteX41" fmla="*/ 3612763 w 6857455"/>
              <a:gd name="connsiteY41" fmla="*/ 414263 h 874716"/>
              <a:gd name="connsiteX42" fmla="*/ 3537323 w 6857455"/>
              <a:gd name="connsiteY42" fmla="*/ 389878 h 874716"/>
              <a:gd name="connsiteX43" fmla="*/ 3431593 w 6857455"/>
              <a:gd name="connsiteY43" fmla="*/ 360921 h 874716"/>
              <a:gd name="connsiteX44" fmla="*/ 3392158 w 6857455"/>
              <a:gd name="connsiteY44" fmla="*/ 345681 h 874716"/>
              <a:gd name="connsiteX45" fmla="*/ 3297856 w 6857455"/>
              <a:gd name="connsiteY45" fmla="*/ 323010 h 874716"/>
              <a:gd name="connsiteX46" fmla="*/ 3219748 w 6857455"/>
              <a:gd name="connsiteY46" fmla="*/ 308151 h 874716"/>
              <a:gd name="connsiteX47" fmla="*/ 3156692 w 6857455"/>
              <a:gd name="connsiteY47" fmla="*/ 261668 h 874716"/>
              <a:gd name="connsiteX48" fmla="*/ 3136497 w 6857455"/>
              <a:gd name="connsiteY48" fmla="*/ 237663 h 874716"/>
              <a:gd name="connsiteX49" fmla="*/ 3119733 w 6857455"/>
              <a:gd name="connsiteY49" fmla="*/ 222233 h 874716"/>
              <a:gd name="connsiteX50" fmla="*/ 3045436 w 6857455"/>
              <a:gd name="connsiteY50" fmla="*/ 131742 h 874716"/>
              <a:gd name="connsiteX51" fmla="*/ 3037054 w 6857455"/>
              <a:gd name="connsiteY51" fmla="*/ 124121 h 874716"/>
              <a:gd name="connsiteX52" fmla="*/ 2936466 w 6857455"/>
              <a:gd name="connsiteY52" fmla="*/ 82400 h 874716"/>
              <a:gd name="connsiteX53" fmla="*/ 2901031 w 6857455"/>
              <a:gd name="connsiteY53" fmla="*/ 59731 h 874716"/>
              <a:gd name="connsiteX54" fmla="*/ 2828259 w 6857455"/>
              <a:gd name="connsiteY54" fmla="*/ 3149 h 874716"/>
              <a:gd name="connsiteX55" fmla="*/ 2799492 w 6857455"/>
              <a:gd name="connsiteY55" fmla="*/ 1245 h 874716"/>
              <a:gd name="connsiteX56" fmla="*/ 2693570 w 6857455"/>
              <a:gd name="connsiteY56" fmla="*/ 35154 h 874716"/>
              <a:gd name="connsiteX57" fmla="*/ 2639847 w 6857455"/>
              <a:gd name="connsiteY57" fmla="*/ 73448 h 874716"/>
              <a:gd name="connsiteX58" fmla="*/ 2621178 w 6857455"/>
              <a:gd name="connsiteY58" fmla="*/ 88688 h 874716"/>
              <a:gd name="connsiteX59" fmla="*/ 2489348 w 6857455"/>
              <a:gd name="connsiteY59" fmla="*/ 72304 h 874716"/>
              <a:gd name="connsiteX60" fmla="*/ 2452580 w 6857455"/>
              <a:gd name="connsiteY60" fmla="*/ 68683 h 874716"/>
              <a:gd name="connsiteX61" fmla="*/ 2326464 w 6857455"/>
              <a:gd name="connsiteY61" fmla="*/ 50395 h 874716"/>
              <a:gd name="connsiteX62" fmla="*/ 2300365 w 6857455"/>
              <a:gd name="connsiteY62" fmla="*/ 54777 h 874716"/>
              <a:gd name="connsiteX63" fmla="*/ 2130434 w 6857455"/>
              <a:gd name="connsiteY63" fmla="*/ 58397 h 874716"/>
              <a:gd name="connsiteX64" fmla="*/ 2118621 w 6857455"/>
              <a:gd name="connsiteY64" fmla="*/ 47919 h 874716"/>
              <a:gd name="connsiteX65" fmla="*/ 2057659 w 6857455"/>
              <a:gd name="connsiteY65" fmla="*/ 16866 h 874716"/>
              <a:gd name="connsiteX66" fmla="*/ 1976314 w 6857455"/>
              <a:gd name="connsiteY66" fmla="*/ 8865 h 874716"/>
              <a:gd name="connsiteX67" fmla="*/ 1961454 w 6857455"/>
              <a:gd name="connsiteY67" fmla="*/ 11724 h 874716"/>
              <a:gd name="connsiteX68" fmla="*/ 1906588 w 6857455"/>
              <a:gd name="connsiteY68" fmla="*/ 30964 h 874716"/>
              <a:gd name="connsiteX69" fmla="*/ 1783330 w 6857455"/>
              <a:gd name="connsiteY69" fmla="*/ 48871 h 874716"/>
              <a:gd name="connsiteX70" fmla="*/ 1759327 w 6857455"/>
              <a:gd name="connsiteY70" fmla="*/ 55349 h 874716"/>
              <a:gd name="connsiteX71" fmla="*/ 1716082 w 6857455"/>
              <a:gd name="connsiteY71" fmla="*/ 65445 h 874716"/>
              <a:gd name="connsiteX72" fmla="*/ 1598920 w 6857455"/>
              <a:gd name="connsiteY72" fmla="*/ 72114 h 874716"/>
              <a:gd name="connsiteX73" fmla="*/ 1542150 w 6857455"/>
              <a:gd name="connsiteY73" fmla="*/ 62207 h 874716"/>
              <a:gd name="connsiteX74" fmla="*/ 1516813 w 6857455"/>
              <a:gd name="connsiteY74" fmla="*/ 62779 h 874716"/>
              <a:gd name="connsiteX75" fmla="*/ 1432228 w 6857455"/>
              <a:gd name="connsiteY75" fmla="*/ 88116 h 874716"/>
              <a:gd name="connsiteX76" fmla="*/ 1224765 w 6857455"/>
              <a:gd name="connsiteY76" fmla="*/ 71924 h 874716"/>
              <a:gd name="connsiteX77" fmla="*/ 1159231 w 6857455"/>
              <a:gd name="connsiteY77" fmla="*/ 58207 h 874716"/>
              <a:gd name="connsiteX78" fmla="*/ 1124370 w 6857455"/>
              <a:gd name="connsiteY78" fmla="*/ 56301 h 874716"/>
              <a:gd name="connsiteX79" fmla="*/ 1075600 w 6857455"/>
              <a:gd name="connsiteY79" fmla="*/ 75542 h 874716"/>
              <a:gd name="connsiteX80" fmla="*/ 986633 w 6857455"/>
              <a:gd name="connsiteY80" fmla="*/ 79162 h 874716"/>
              <a:gd name="connsiteX81" fmla="*/ 861089 w 6857455"/>
              <a:gd name="connsiteY81" fmla="*/ 76304 h 874716"/>
              <a:gd name="connsiteX82" fmla="*/ 759168 w 6857455"/>
              <a:gd name="connsiteY82" fmla="*/ 104689 h 874716"/>
              <a:gd name="connsiteX83" fmla="*/ 723735 w 6857455"/>
              <a:gd name="connsiteY83" fmla="*/ 140696 h 874716"/>
              <a:gd name="connsiteX84" fmla="*/ 647532 w 6857455"/>
              <a:gd name="connsiteY84" fmla="*/ 147934 h 874716"/>
              <a:gd name="connsiteX85" fmla="*/ 552659 w 6857455"/>
              <a:gd name="connsiteY85" fmla="*/ 95926 h 874716"/>
              <a:gd name="connsiteX86" fmla="*/ 541800 w 6857455"/>
              <a:gd name="connsiteY86" fmla="*/ 97640 h 874716"/>
              <a:gd name="connsiteX87" fmla="*/ 375107 w 6857455"/>
              <a:gd name="connsiteY87" fmla="*/ 123169 h 874716"/>
              <a:gd name="connsiteX88" fmla="*/ 273567 w 6857455"/>
              <a:gd name="connsiteY88" fmla="*/ 145458 h 874716"/>
              <a:gd name="connsiteX89" fmla="*/ 264043 w 6857455"/>
              <a:gd name="connsiteY89" fmla="*/ 154792 h 874716"/>
              <a:gd name="connsiteX90" fmla="*/ 169360 w 6857455"/>
              <a:gd name="connsiteY90" fmla="*/ 177273 h 874716"/>
              <a:gd name="connsiteX91" fmla="*/ 89347 w 6857455"/>
              <a:gd name="connsiteY91" fmla="*/ 157460 h 874716"/>
              <a:gd name="connsiteX92" fmla="*/ 34291 w 6857455"/>
              <a:gd name="connsiteY92" fmla="*/ 145268 h 874716"/>
              <a:gd name="connsiteX93" fmla="*/ 0 w 6857455"/>
              <a:gd name="connsiteY93" fmla="*/ 142056 h 874716"/>
              <a:gd name="connsiteX94" fmla="*/ 0 w 6857455"/>
              <a:gd name="connsiteY94" fmla="*/ 849556 h 874716"/>
              <a:gd name="connsiteX95" fmla="*/ 60652 w 6857455"/>
              <a:gd name="connsiteY95" fmla="*/ 844783 h 874716"/>
              <a:gd name="connsiteX96" fmla="*/ 119068 w 6857455"/>
              <a:gd name="connsiteY96" fmla="*/ 827281 h 874716"/>
              <a:gd name="connsiteX97" fmla="*/ 171840 w 6857455"/>
              <a:gd name="connsiteY97" fmla="*/ 804420 h 874716"/>
              <a:gd name="connsiteX98" fmla="*/ 274329 w 6857455"/>
              <a:gd name="connsiteY98" fmla="*/ 794324 h 874716"/>
              <a:gd name="connsiteX99" fmla="*/ 306715 w 6857455"/>
              <a:gd name="connsiteY99" fmla="*/ 788798 h 874716"/>
              <a:gd name="connsiteX100" fmla="*/ 393967 w 6857455"/>
              <a:gd name="connsiteY100" fmla="*/ 765937 h 874716"/>
              <a:gd name="connsiteX101" fmla="*/ 493793 w 6857455"/>
              <a:gd name="connsiteY101" fmla="*/ 725549 h 874716"/>
              <a:gd name="connsiteX102" fmla="*/ 546373 w 6857455"/>
              <a:gd name="connsiteY102" fmla="*/ 740600 h 874716"/>
              <a:gd name="connsiteX103" fmla="*/ 730211 w 6857455"/>
              <a:gd name="connsiteY103" fmla="*/ 698116 h 874716"/>
              <a:gd name="connsiteX104" fmla="*/ 784889 w 6857455"/>
              <a:gd name="connsiteY104" fmla="*/ 676018 h 874716"/>
              <a:gd name="connsiteX105" fmla="*/ 800509 w 6857455"/>
              <a:gd name="connsiteY105" fmla="*/ 661349 h 874716"/>
              <a:gd name="connsiteX106" fmla="*/ 857661 w 6857455"/>
              <a:gd name="connsiteY106" fmla="*/ 626868 h 874716"/>
              <a:gd name="connsiteX107" fmla="*/ 949102 w 6857455"/>
              <a:gd name="connsiteY107" fmla="*/ 614676 h 874716"/>
              <a:gd name="connsiteX108" fmla="*/ 960342 w 6857455"/>
              <a:gd name="connsiteY108" fmla="*/ 607435 h 874716"/>
              <a:gd name="connsiteX109" fmla="*/ 977109 w 6857455"/>
              <a:gd name="connsiteY109" fmla="*/ 595815 h 874716"/>
              <a:gd name="connsiteX110" fmla="*/ 1071218 w 6857455"/>
              <a:gd name="connsiteY110" fmla="*/ 575240 h 874716"/>
              <a:gd name="connsiteX111" fmla="*/ 1091983 w 6857455"/>
              <a:gd name="connsiteY111" fmla="*/ 568764 h 874716"/>
              <a:gd name="connsiteX112" fmla="*/ 1109321 w 6857455"/>
              <a:gd name="connsiteY112" fmla="*/ 557904 h 874716"/>
              <a:gd name="connsiteX113" fmla="*/ 1162279 w 6857455"/>
              <a:gd name="connsiteY113" fmla="*/ 532949 h 874716"/>
              <a:gd name="connsiteX114" fmla="*/ 1206097 w 6857455"/>
              <a:gd name="connsiteY114" fmla="*/ 532187 h 874716"/>
              <a:gd name="connsiteX115" fmla="*/ 1266867 w 6857455"/>
              <a:gd name="connsiteY115" fmla="*/ 518088 h 874716"/>
              <a:gd name="connsiteX116" fmla="*/ 1380219 w 6857455"/>
              <a:gd name="connsiteY116" fmla="*/ 504182 h 874716"/>
              <a:gd name="connsiteX117" fmla="*/ 1403461 w 6857455"/>
              <a:gd name="connsiteY117" fmla="*/ 496180 h 874716"/>
              <a:gd name="connsiteX118" fmla="*/ 1544054 w 6857455"/>
              <a:gd name="connsiteY118" fmla="*/ 458268 h 874716"/>
              <a:gd name="connsiteX119" fmla="*/ 1656644 w 6857455"/>
              <a:gd name="connsiteY119" fmla="*/ 459032 h 874716"/>
              <a:gd name="connsiteX120" fmla="*/ 1665406 w 6857455"/>
              <a:gd name="connsiteY120" fmla="*/ 460747 h 874716"/>
              <a:gd name="connsiteX121" fmla="*/ 1708461 w 6857455"/>
              <a:gd name="connsiteY121" fmla="*/ 473318 h 874716"/>
              <a:gd name="connsiteX122" fmla="*/ 1775140 w 6857455"/>
              <a:gd name="connsiteY122" fmla="*/ 469891 h 874716"/>
              <a:gd name="connsiteX123" fmla="*/ 1821051 w 6857455"/>
              <a:gd name="connsiteY123" fmla="*/ 452554 h 874716"/>
              <a:gd name="connsiteX124" fmla="*/ 1878203 w 6857455"/>
              <a:gd name="connsiteY124" fmla="*/ 451792 h 874716"/>
              <a:gd name="connsiteX125" fmla="*/ 1943547 w 6857455"/>
              <a:gd name="connsiteY125" fmla="*/ 462651 h 874716"/>
              <a:gd name="connsiteX126" fmla="*/ 1972884 w 6857455"/>
              <a:gd name="connsiteY126" fmla="*/ 464937 h 874716"/>
              <a:gd name="connsiteX127" fmla="*/ 2053469 w 6857455"/>
              <a:gd name="connsiteY127" fmla="*/ 487417 h 874716"/>
              <a:gd name="connsiteX128" fmla="*/ 2101477 w 6857455"/>
              <a:gd name="connsiteY128" fmla="*/ 481893 h 874716"/>
              <a:gd name="connsiteX129" fmla="*/ 2148722 w 6857455"/>
              <a:gd name="connsiteY129" fmla="*/ 467033 h 874716"/>
              <a:gd name="connsiteX130" fmla="*/ 2179011 w 6857455"/>
              <a:gd name="connsiteY130" fmla="*/ 452744 h 874716"/>
              <a:gd name="connsiteX131" fmla="*/ 2240165 w 6857455"/>
              <a:gd name="connsiteY131" fmla="*/ 442648 h 874716"/>
              <a:gd name="connsiteX132" fmla="*/ 2251404 w 6857455"/>
              <a:gd name="connsiteY132" fmla="*/ 444172 h 874716"/>
              <a:gd name="connsiteX133" fmla="*/ 2433912 w 6857455"/>
              <a:gd name="connsiteY133" fmla="*/ 456746 h 874716"/>
              <a:gd name="connsiteX134" fmla="*/ 2506302 w 6857455"/>
              <a:gd name="connsiteY134" fmla="*/ 476939 h 874716"/>
              <a:gd name="connsiteX135" fmla="*/ 2521735 w 6857455"/>
              <a:gd name="connsiteY135" fmla="*/ 479415 h 874716"/>
              <a:gd name="connsiteX136" fmla="*/ 2675854 w 6857455"/>
              <a:gd name="connsiteY136" fmla="*/ 502086 h 874716"/>
              <a:gd name="connsiteX137" fmla="*/ 2692998 w 6857455"/>
              <a:gd name="connsiteY137" fmla="*/ 503038 h 874716"/>
              <a:gd name="connsiteX138" fmla="*/ 2740816 w 6857455"/>
              <a:gd name="connsiteY138" fmla="*/ 499037 h 874716"/>
              <a:gd name="connsiteX139" fmla="*/ 2853596 w 6857455"/>
              <a:gd name="connsiteY139" fmla="*/ 540187 h 874716"/>
              <a:gd name="connsiteX140" fmla="*/ 2966565 w 6857455"/>
              <a:gd name="connsiteY140" fmla="*/ 554286 h 874716"/>
              <a:gd name="connsiteX141" fmla="*/ 3028671 w 6857455"/>
              <a:gd name="connsiteY141" fmla="*/ 554094 h 874716"/>
              <a:gd name="connsiteX142" fmla="*/ 3073059 w 6857455"/>
              <a:gd name="connsiteY142" fmla="*/ 564192 h 874716"/>
              <a:gd name="connsiteX143" fmla="*/ 3182219 w 6857455"/>
              <a:gd name="connsiteY143" fmla="*/ 594862 h 874716"/>
              <a:gd name="connsiteX144" fmla="*/ 3233656 w 6857455"/>
              <a:gd name="connsiteY144" fmla="*/ 599625 h 874716"/>
              <a:gd name="connsiteX145" fmla="*/ 3288332 w 6857455"/>
              <a:gd name="connsiteY145" fmla="*/ 609914 h 874716"/>
              <a:gd name="connsiteX146" fmla="*/ 3423591 w 6857455"/>
              <a:gd name="connsiteY146" fmla="*/ 656015 h 874716"/>
              <a:gd name="connsiteX147" fmla="*/ 3534084 w 6857455"/>
              <a:gd name="connsiteY147" fmla="*/ 653349 h 874716"/>
              <a:gd name="connsiteX148" fmla="*/ 3604571 w 6857455"/>
              <a:gd name="connsiteY148" fmla="*/ 653918 h 874716"/>
              <a:gd name="connsiteX149" fmla="*/ 3688586 w 6857455"/>
              <a:gd name="connsiteY149" fmla="*/ 669160 h 874716"/>
              <a:gd name="connsiteX150" fmla="*/ 3757358 w 6857455"/>
              <a:gd name="connsiteY150" fmla="*/ 691450 h 874716"/>
              <a:gd name="connsiteX151" fmla="*/ 3852421 w 6857455"/>
              <a:gd name="connsiteY151" fmla="*/ 709167 h 874716"/>
              <a:gd name="connsiteX152" fmla="*/ 3947104 w 6857455"/>
              <a:gd name="connsiteY152" fmla="*/ 743267 h 874716"/>
              <a:gd name="connsiteX153" fmla="*/ 4013208 w 6857455"/>
              <a:gd name="connsiteY153" fmla="*/ 769367 h 874716"/>
              <a:gd name="connsiteX154" fmla="*/ 4105222 w 6857455"/>
              <a:gd name="connsiteY154" fmla="*/ 792417 h 874716"/>
              <a:gd name="connsiteX155" fmla="*/ 4246006 w 6857455"/>
              <a:gd name="connsiteY155" fmla="*/ 808610 h 874716"/>
              <a:gd name="connsiteX156" fmla="*/ 4310779 w 6857455"/>
              <a:gd name="connsiteY156" fmla="*/ 810326 h 874716"/>
              <a:gd name="connsiteX157" fmla="*/ 4413272 w 6857455"/>
              <a:gd name="connsiteY157" fmla="*/ 848235 h 874716"/>
              <a:gd name="connsiteX158" fmla="*/ 4457087 w 6857455"/>
              <a:gd name="connsiteY158" fmla="*/ 866524 h 874716"/>
              <a:gd name="connsiteX159" fmla="*/ 4496523 w 6857455"/>
              <a:gd name="connsiteY159" fmla="*/ 851284 h 874716"/>
              <a:gd name="connsiteX160" fmla="*/ 4522050 w 6857455"/>
              <a:gd name="connsiteY160" fmla="*/ 833757 h 874716"/>
              <a:gd name="connsiteX161" fmla="*/ 4602824 w 6857455"/>
              <a:gd name="connsiteY161" fmla="*/ 848618 h 874716"/>
              <a:gd name="connsiteX162" fmla="*/ 4688553 w 6857455"/>
              <a:gd name="connsiteY162" fmla="*/ 864238 h 874716"/>
              <a:gd name="connsiteX163" fmla="*/ 4749895 w 6857455"/>
              <a:gd name="connsiteY163" fmla="*/ 874716 h 874716"/>
              <a:gd name="connsiteX164" fmla="*/ 4826480 w 6857455"/>
              <a:gd name="connsiteY164" fmla="*/ 866334 h 874716"/>
              <a:gd name="connsiteX165" fmla="*/ 4886870 w 6857455"/>
              <a:gd name="connsiteY165" fmla="*/ 862906 h 874716"/>
              <a:gd name="connsiteX166" fmla="*/ 4935639 w 6857455"/>
              <a:gd name="connsiteY166" fmla="*/ 853190 h 874716"/>
              <a:gd name="connsiteX167" fmla="*/ 4952784 w 6857455"/>
              <a:gd name="connsiteY167" fmla="*/ 847473 h 874716"/>
              <a:gd name="connsiteX168" fmla="*/ 5088617 w 6857455"/>
              <a:gd name="connsiteY168" fmla="*/ 802896 h 874716"/>
              <a:gd name="connsiteX169" fmla="*/ 5233781 w 6857455"/>
              <a:gd name="connsiteY169" fmla="*/ 767271 h 874716"/>
              <a:gd name="connsiteX170" fmla="*/ 5327893 w 6857455"/>
              <a:gd name="connsiteY170" fmla="*/ 789752 h 874716"/>
              <a:gd name="connsiteX171" fmla="*/ 5362946 w 6857455"/>
              <a:gd name="connsiteY171" fmla="*/ 789370 h 874716"/>
              <a:gd name="connsiteX172" fmla="*/ 5524115 w 6857455"/>
              <a:gd name="connsiteY172" fmla="*/ 794514 h 874716"/>
              <a:gd name="connsiteX173" fmla="*/ 5552500 w 6857455"/>
              <a:gd name="connsiteY173" fmla="*/ 800038 h 874716"/>
              <a:gd name="connsiteX174" fmla="*/ 5705857 w 6857455"/>
              <a:gd name="connsiteY174" fmla="*/ 777367 h 874716"/>
              <a:gd name="connsiteX175" fmla="*/ 5761485 w 6857455"/>
              <a:gd name="connsiteY175" fmla="*/ 773557 h 874716"/>
              <a:gd name="connsiteX176" fmla="*/ 5812731 w 6857455"/>
              <a:gd name="connsiteY176" fmla="*/ 767271 h 874716"/>
              <a:gd name="connsiteX177" fmla="*/ 5884361 w 6857455"/>
              <a:gd name="connsiteY177" fmla="*/ 765747 h 874716"/>
              <a:gd name="connsiteX178" fmla="*/ 5958660 w 6857455"/>
              <a:gd name="connsiteY178" fmla="*/ 768605 h 874716"/>
              <a:gd name="connsiteX179" fmla="*/ 6041528 w 6857455"/>
              <a:gd name="connsiteY179" fmla="*/ 768033 h 874716"/>
              <a:gd name="connsiteX180" fmla="*/ 6074297 w 6857455"/>
              <a:gd name="connsiteY180" fmla="*/ 763081 h 874716"/>
              <a:gd name="connsiteX181" fmla="*/ 6162880 w 6857455"/>
              <a:gd name="connsiteY181" fmla="*/ 766509 h 874716"/>
              <a:gd name="connsiteX182" fmla="*/ 6209364 w 6857455"/>
              <a:gd name="connsiteY182" fmla="*/ 760795 h 874716"/>
              <a:gd name="connsiteX183" fmla="*/ 6285948 w 6857455"/>
              <a:gd name="connsiteY183" fmla="*/ 759651 h 874716"/>
              <a:gd name="connsiteX184" fmla="*/ 6310905 w 6857455"/>
              <a:gd name="connsiteY184" fmla="*/ 758316 h 874716"/>
              <a:gd name="connsiteX185" fmla="*/ 6333194 w 6857455"/>
              <a:gd name="connsiteY185" fmla="*/ 757554 h 874716"/>
              <a:gd name="connsiteX186" fmla="*/ 6409586 w 6857455"/>
              <a:gd name="connsiteY186" fmla="*/ 773177 h 874716"/>
              <a:gd name="connsiteX187" fmla="*/ 6477407 w 6857455"/>
              <a:gd name="connsiteY187" fmla="*/ 774129 h 874716"/>
              <a:gd name="connsiteX188" fmla="*/ 6596283 w 6857455"/>
              <a:gd name="connsiteY188" fmla="*/ 786703 h 874716"/>
              <a:gd name="connsiteX189" fmla="*/ 6622573 w 6857455"/>
              <a:gd name="connsiteY189" fmla="*/ 782321 h 874716"/>
              <a:gd name="connsiteX190" fmla="*/ 6704872 w 6857455"/>
              <a:gd name="connsiteY190" fmla="*/ 780607 h 874716"/>
              <a:gd name="connsiteX191" fmla="*/ 6751738 w 6857455"/>
              <a:gd name="connsiteY191" fmla="*/ 779273 h 874716"/>
              <a:gd name="connsiteX192" fmla="*/ 6809650 w 6857455"/>
              <a:gd name="connsiteY192" fmla="*/ 788417 h 874716"/>
              <a:gd name="connsiteX193" fmla="*/ 6832976 w 6857455"/>
              <a:gd name="connsiteY193" fmla="*/ 800428 h 87471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</a:cxnLst>
            <a:rect l="l" t="t" r="r" b="b"/>
            <a:pathLst>
              <a:path w="6857455" h="874716">
                <a:moveTo>
                  <a:pt x="6857455" y="804643"/>
                </a:moveTo>
                <a:lnTo>
                  <a:pt x="6857455" y="562246"/>
                </a:lnTo>
                <a:lnTo>
                  <a:pt x="6829178" y="551284"/>
                </a:lnTo>
                <a:cubicBezTo>
                  <a:pt x="6805745" y="539044"/>
                  <a:pt x="6784885" y="521708"/>
                  <a:pt x="6766024" y="500372"/>
                </a:cubicBezTo>
                <a:cubicBezTo>
                  <a:pt x="6755166" y="488179"/>
                  <a:pt x="6746784" y="486845"/>
                  <a:pt x="6734971" y="500944"/>
                </a:cubicBezTo>
                <a:cubicBezTo>
                  <a:pt x="6721257" y="517326"/>
                  <a:pt x="6701634" y="510850"/>
                  <a:pt x="6683915" y="507040"/>
                </a:cubicBezTo>
                <a:cubicBezTo>
                  <a:pt x="6665629" y="503230"/>
                  <a:pt x="6647148" y="499228"/>
                  <a:pt x="6628860" y="495418"/>
                </a:cubicBezTo>
                <a:cubicBezTo>
                  <a:pt x="6615335" y="492752"/>
                  <a:pt x="6601999" y="490466"/>
                  <a:pt x="6588662" y="487227"/>
                </a:cubicBezTo>
                <a:cubicBezTo>
                  <a:pt x="6547133" y="477129"/>
                  <a:pt x="6509794" y="480177"/>
                  <a:pt x="6476074" y="511230"/>
                </a:cubicBezTo>
                <a:cubicBezTo>
                  <a:pt x="6450356" y="535043"/>
                  <a:pt x="6417399" y="542093"/>
                  <a:pt x="6382345" y="534853"/>
                </a:cubicBezTo>
                <a:cubicBezTo>
                  <a:pt x="6377963" y="533901"/>
                  <a:pt x="6372439" y="530091"/>
                  <a:pt x="6369391" y="531615"/>
                </a:cubicBezTo>
                <a:cubicBezTo>
                  <a:pt x="6323479" y="553904"/>
                  <a:pt x="6287092" y="514658"/>
                  <a:pt x="6244799" y="512182"/>
                </a:cubicBezTo>
                <a:cubicBezTo>
                  <a:pt x="6226130" y="511040"/>
                  <a:pt x="6207079" y="496942"/>
                  <a:pt x="6190315" y="485703"/>
                </a:cubicBezTo>
                <a:cubicBezTo>
                  <a:pt x="6167262" y="470271"/>
                  <a:pt x="6146687" y="455412"/>
                  <a:pt x="6115446" y="462270"/>
                </a:cubicBezTo>
                <a:cubicBezTo>
                  <a:pt x="6084203" y="469319"/>
                  <a:pt x="6055627" y="456364"/>
                  <a:pt x="6032194" y="434266"/>
                </a:cubicBezTo>
                <a:cubicBezTo>
                  <a:pt x="6014287" y="417501"/>
                  <a:pt x="5994665" y="415977"/>
                  <a:pt x="5971042" y="420738"/>
                </a:cubicBezTo>
                <a:cubicBezTo>
                  <a:pt x="5941513" y="426645"/>
                  <a:pt x="5910842" y="427027"/>
                  <a:pt x="5880933" y="430646"/>
                </a:cubicBezTo>
                <a:cubicBezTo>
                  <a:pt x="5874454" y="431408"/>
                  <a:pt x="5866265" y="434076"/>
                  <a:pt x="5862452" y="438648"/>
                </a:cubicBezTo>
                <a:cubicBezTo>
                  <a:pt x="5815779" y="495418"/>
                  <a:pt x="5750055" y="495990"/>
                  <a:pt x="5685283" y="498658"/>
                </a:cubicBezTo>
                <a:cubicBezTo>
                  <a:pt x="5646039" y="500372"/>
                  <a:pt x="5606604" y="500372"/>
                  <a:pt x="5567169" y="499420"/>
                </a:cubicBezTo>
                <a:cubicBezTo>
                  <a:pt x="5553832" y="499228"/>
                  <a:pt x="5539736" y="496180"/>
                  <a:pt x="5527923" y="490466"/>
                </a:cubicBezTo>
                <a:cubicBezTo>
                  <a:pt x="5503348" y="478463"/>
                  <a:pt x="5480680" y="462843"/>
                  <a:pt x="5456292" y="450650"/>
                </a:cubicBezTo>
                <a:cubicBezTo>
                  <a:pt x="5447151" y="445886"/>
                  <a:pt x="5435338" y="445696"/>
                  <a:pt x="5424670" y="444934"/>
                </a:cubicBezTo>
                <a:cubicBezTo>
                  <a:pt x="5405809" y="443410"/>
                  <a:pt x="5384854" y="447982"/>
                  <a:pt x="5368662" y="441124"/>
                </a:cubicBezTo>
                <a:cubicBezTo>
                  <a:pt x="5326559" y="423407"/>
                  <a:pt x="5287123" y="427407"/>
                  <a:pt x="5247118" y="444934"/>
                </a:cubicBezTo>
                <a:cubicBezTo>
                  <a:pt x="5191108" y="469509"/>
                  <a:pt x="5138148" y="467605"/>
                  <a:pt x="5088617" y="428742"/>
                </a:cubicBezTo>
                <a:cubicBezTo>
                  <a:pt x="5066328" y="411215"/>
                  <a:pt x="5044609" y="419596"/>
                  <a:pt x="5025750" y="433694"/>
                </a:cubicBezTo>
                <a:cubicBezTo>
                  <a:pt x="5004032" y="450078"/>
                  <a:pt x="4982885" y="454268"/>
                  <a:pt x="4957930" y="442268"/>
                </a:cubicBezTo>
                <a:cubicBezTo>
                  <a:pt x="4952404" y="439600"/>
                  <a:pt x="4944594" y="440933"/>
                  <a:pt x="4938116" y="441886"/>
                </a:cubicBezTo>
                <a:cubicBezTo>
                  <a:pt x="4901158" y="446648"/>
                  <a:pt x="4864009" y="454650"/>
                  <a:pt x="4833910" y="421693"/>
                </a:cubicBezTo>
                <a:cubicBezTo>
                  <a:pt x="4828004" y="415214"/>
                  <a:pt x="4818097" y="412549"/>
                  <a:pt x="4810095" y="408167"/>
                </a:cubicBezTo>
                <a:cubicBezTo>
                  <a:pt x="4776566" y="390258"/>
                  <a:pt x="4777900" y="391974"/>
                  <a:pt x="4747991" y="413691"/>
                </a:cubicBezTo>
                <a:cubicBezTo>
                  <a:pt x="4732369" y="425121"/>
                  <a:pt x="4710842" y="436742"/>
                  <a:pt x="4692745" y="435790"/>
                </a:cubicBezTo>
                <a:cubicBezTo>
                  <a:pt x="4583584" y="430075"/>
                  <a:pt x="4479758" y="457508"/>
                  <a:pt x="4375933" y="483417"/>
                </a:cubicBezTo>
                <a:cubicBezTo>
                  <a:pt x="4311923" y="499420"/>
                  <a:pt x="4249436" y="500372"/>
                  <a:pt x="4185426" y="484179"/>
                </a:cubicBezTo>
                <a:cubicBezTo>
                  <a:pt x="4139133" y="472367"/>
                  <a:pt x="4095315" y="491800"/>
                  <a:pt x="4052072" y="505134"/>
                </a:cubicBezTo>
                <a:cubicBezTo>
                  <a:pt x="4043117" y="507799"/>
                  <a:pt x="4034735" y="518278"/>
                  <a:pt x="4029973" y="527233"/>
                </a:cubicBezTo>
                <a:cubicBezTo>
                  <a:pt x="4012826" y="558858"/>
                  <a:pt x="3984441" y="563810"/>
                  <a:pt x="3948626" y="550666"/>
                </a:cubicBezTo>
                <a:cubicBezTo>
                  <a:pt x="3920241" y="540377"/>
                  <a:pt x="3894332" y="526661"/>
                  <a:pt x="3871280" y="502275"/>
                </a:cubicBezTo>
                <a:cubicBezTo>
                  <a:pt x="3844229" y="473701"/>
                  <a:pt x="3816224" y="441124"/>
                  <a:pt x="3774312" y="429122"/>
                </a:cubicBezTo>
                <a:cubicBezTo>
                  <a:pt x="3756214" y="423979"/>
                  <a:pt x="3740593" y="423217"/>
                  <a:pt x="3721543" y="428552"/>
                </a:cubicBezTo>
                <a:cubicBezTo>
                  <a:pt x="3684583" y="438837"/>
                  <a:pt x="3647436" y="446078"/>
                  <a:pt x="3612763" y="414263"/>
                </a:cubicBezTo>
                <a:cubicBezTo>
                  <a:pt x="3593712" y="396736"/>
                  <a:pt x="3567994" y="385496"/>
                  <a:pt x="3537323" y="389878"/>
                </a:cubicBezTo>
                <a:cubicBezTo>
                  <a:pt x="3499031" y="395402"/>
                  <a:pt x="3464168" y="381496"/>
                  <a:pt x="3431593" y="360921"/>
                </a:cubicBezTo>
                <a:cubicBezTo>
                  <a:pt x="3419971" y="353491"/>
                  <a:pt x="3405682" y="349301"/>
                  <a:pt x="3392158" y="345681"/>
                </a:cubicBezTo>
                <a:cubicBezTo>
                  <a:pt x="3360915" y="337298"/>
                  <a:pt x="3329480" y="329868"/>
                  <a:pt x="3297856" y="323010"/>
                </a:cubicBezTo>
                <a:cubicBezTo>
                  <a:pt x="3271948" y="317296"/>
                  <a:pt x="3245849" y="313104"/>
                  <a:pt x="3219748" y="308151"/>
                </a:cubicBezTo>
                <a:cubicBezTo>
                  <a:pt x="3191173" y="302817"/>
                  <a:pt x="3168502" y="290433"/>
                  <a:pt x="3156692" y="261668"/>
                </a:cubicBezTo>
                <a:cubicBezTo>
                  <a:pt x="3152882" y="252524"/>
                  <a:pt x="3143737" y="245283"/>
                  <a:pt x="3136497" y="237663"/>
                </a:cubicBezTo>
                <a:cubicBezTo>
                  <a:pt x="3131355" y="232139"/>
                  <a:pt x="3124495" y="227947"/>
                  <a:pt x="3119733" y="222233"/>
                </a:cubicBezTo>
                <a:cubicBezTo>
                  <a:pt x="3094776" y="192132"/>
                  <a:pt x="3070201" y="161843"/>
                  <a:pt x="3045436" y="131742"/>
                </a:cubicBezTo>
                <a:cubicBezTo>
                  <a:pt x="3042958" y="128884"/>
                  <a:pt x="3040292" y="125455"/>
                  <a:pt x="3037054" y="124121"/>
                </a:cubicBezTo>
                <a:cubicBezTo>
                  <a:pt x="3003525" y="110215"/>
                  <a:pt x="2969614" y="97070"/>
                  <a:pt x="2936466" y="82400"/>
                </a:cubicBezTo>
                <a:cubicBezTo>
                  <a:pt x="2923702" y="76686"/>
                  <a:pt x="2910558" y="69637"/>
                  <a:pt x="2901031" y="59731"/>
                </a:cubicBezTo>
                <a:cubicBezTo>
                  <a:pt x="2879314" y="37250"/>
                  <a:pt x="2859502" y="12866"/>
                  <a:pt x="2828259" y="3149"/>
                </a:cubicBezTo>
                <a:cubicBezTo>
                  <a:pt x="2819114" y="293"/>
                  <a:pt x="2808256" y="-1231"/>
                  <a:pt x="2799492" y="1245"/>
                </a:cubicBezTo>
                <a:cubicBezTo>
                  <a:pt x="2763867" y="11532"/>
                  <a:pt x="2729005" y="24296"/>
                  <a:pt x="2693570" y="35154"/>
                </a:cubicBezTo>
                <a:cubicBezTo>
                  <a:pt x="2671092" y="41823"/>
                  <a:pt x="2650707" y="49825"/>
                  <a:pt x="2639847" y="73448"/>
                </a:cubicBezTo>
                <a:cubicBezTo>
                  <a:pt x="2636801" y="80114"/>
                  <a:pt x="2628226" y="87354"/>
                  <a:pt x="2621178" y="88688"/>
                </a:cubicBezTo>
                <a:cubicBezTo>
                  <a:pt x="2575839" y="97260"/>
                  <a:pt x="2531069" y="101451"/>
                  <a:pt x="2489348" y="72304"/>
                </a:cubicBezTo>
                <a:cubicBezTo>
                  <a:pt x="2480585" y="66017"/>
                  <a:pt x="2464201" y="66017"/>
                  <a:pt x="2452580" y="68683"/>
                </a:cubicBezTo>
                <a:cubicBezTo>
                  <a:pt x="2407811" y="78590"/>
                  <a:pt x="2365328" y="82020"/>
                  <a:pt x="2326464" y="50395"/>
                </a:cubicBezTo>
                <a:cubicBezTo>
                  <a:pt x="2321892" y="46585"/>
                  <a:pt x="2307224" y="50015"/>
                  <a:pt x="2300365" y="54777"/>
                </a:cubicBezTo>
                <a:cubicBezTo>
                  <a:pt x="2234259" y="101261"/>
                  <a:pt x="2198064" y="102405"/>
                  <a:pt x="2130434" y="58397"/>
                </a:cubicBezTo>
                <a:cubicBezTo>
                  <a:pt x="2126052" y="55539"/>
                  <a:pt x="2120337" y="52301"/>
                  <a:pt x="2118621" y="47919"/>
                </a:cubicBezTo>
                <a:cubicBezTo>
                  <a:pt x="2107001" y="19914"/>
                  <a:pt x="2082236" y="19152"/>
                  <a:pt x="2057659" y="16866"/>
                </a:cubicBezTo>
                <a:cubicBezTo>
                  <a:pt x="2030608" y="14390"/>
                  <a:pt x="2003555" y="11152"/>
                  <a:pt x="1976314" y="8865"/>
                </a:cubicBezTo>
                <a:cubicBezTo>
                  <a:pt x="1971550" y="8483"/>
                  <a:pt x="1966216" y="10007"/>
                  <a:pt x="1961454" y="11724"/>
                </a:cubicBezTo>
                <a:cubicBezTo>
                  <a:pt x="1943165" y="18010"/>
                  <a:pt x="1925449" y="27154"/>
                  <a:pt x="1906588" y="30964"/>
                </a:cubicBezTo>
                <a:cubicBezTo>
                  <a:pt x="1865821" y="39156"/>
                  <a:pt x="1826385" y="55539"/>
                  <a:pt x="1783330" y="48871"/>
                </a:cubicBezTo>
                <a:cubicBezTo>
                  <a:pt x="1775902" y="47729"/>
                  <a:pt x="1767327" y="53253"/>
                  <a:pt x="1759327" y="55349"/>
                </a:cubicBezTo>
                <a:cubicBezTo>
                  <a:pt x="1744849" y="58969"/>
                  <a:pt x="1730750" y="64111"/>
                  <a:pt x="1716082" y="65445"/>
                </a:cubicBezTo>
                <a:cubicBezTo>
                  <a:pt x="1677218" y="68875"/>
                  <a:pt x="1637975" y="71924"/>
                  <a:pt x="1598920" y="72114"/>
                </a:cubicBezTo>
                <a:cubicBezTo>
                  <a:pt x="1580061" y="72304"/>
                  <a:pt x="1561201" y="65065"/>
                  <a:pt x="1542150" y="62207"/>
                </a:cubicBezTo>
                <a:cubicBezTo>
                  <a:pt x="1533578" y="60873"/>
                  <a:pt x="1519669" y="58587"/>
                  <a:pt x="1516813" y="62779"/>
                </a:cubicBezTo>
                <a:cubicBezTo>
                  <a:pt x="1494714" y="94592"/>
                  <a:pt x="1463661" y="88496"/>
                  <a:pt x="1432228" y="88116"/>
                </a:cubicBezTo>
                <a:cubicBezTo>
                  <a:pt x="1362884" y="87354"/>
                  <a:pt x="1295826" y="60493"/>
                  <a:pt x="1224765" y="71924"/>
                </a:cubicBezTo>
                <a:cubicBezTo>
                  <a:pt x="1204191" y="75162"/>
                  <a:pt x="1181330" y="62397"/>
                  <a:pt x="1159231" y="58207"/>
                </a:cubicBezTo>
                <a:cubicBezTo>
                  <a:pt x="1147801" y="56111"/>
                  <a:pt x="1135228" y="53633"/>
                  <a:pt x="1124370" y="56301"/>
                </a:cubicBezTo>
                <a:cubicBezTo>
                  <a:pt x="1107605" y="60493"/>
                  <a:pt x="1091411" y="68113"/>
                  <a:pt x="1075600" y="75542"/>
                </a:cubicBezTo>
                <a:cubicBezTo>
                  <a:pt x="1046261" y="89258"/>
                  <a:pt x="1016162" y="89258"/>
                  <a:pt x="986633" y="79162"/>
                </a:cubicBezTo>
                <a:cubicBezTo>
                  <a:pt x="944722" y="64873"/>
                  <a:pt x="903193" y="64873"/>
                  <a:pt x="861089" y="76304"/>
                </a:cubicBezTo>
                <a:cubicBezTo>
                  <a:pt x="826990" y="85638"/>
                  <a:pt x="791935" y="92116"/>
                  <a:pt x="759168" y="104689"/>
                </a:cubicBezTo>
                <a:cubicBezTo>
                  <a:pt x="744689" y="110215"/>
                  <a:pt x="732497" y="126597"/>
                  <a:pt x="723735" y="140696"/>
                </a:cubicBezTo>
                <a:cubicBezTo>
                  <a:pt x="706018" y="169271"/>
                  <a:pt x="674013" y="169081"/>
                  <a:pt x="647532" y="147934"/>
                </a:cubicBezTo>
                <a:cubicBezTo>
                  <a:pt x="619717" y="125645"/>
                  <a:pt x="584664" y="112501"/>
                  <a:pt x="552659" y="95926"/>
                </a:cubicBezTo>
                <a:cubicBezTo>
                  <a:pt x="549993" y="94592"/>
                  <a:pt x="545039" y="96116"/>
                  <a:pt x="541800" y="97640"/>
                </a:cubicBezTo>
                <a:cubicBezTo>
                  <a:pt x="488649" y="122407"/>
                  <a:pt x="433593" y="126979"/>
                  <a:pt x="375107" y="123169"/>
                </a:cubicBezTo>
                <a:cubicBezTo>
                  <a:pt x="341960" y="121073"/>
                  <a:pt x="307289" y="137076"/>
                  <a:pt x="273567" y="145458"/>
                </a:cubicBezTo>
                <a:cubicBezTo>
                  <a:pt x="269757" y="146410"/>
                  <a:pt x="266519" y="151174"/>
                  <a:pt x="264043" y="154792"/>
                </a:cubicBezTo>
                <a:cubicBezTo>
                  <a:pt x="240228" y="190800"/>
                  <a:pt x="208223" y="200706"/>
                  <a:pt x="169360" y="177273"/>
                </a:cubicBezTo>
                <a:cubicBezTo>
                  <a:pt x="143643" y="161651"/>
                  <a:pt x="118114" y="158032"/>
                  <a:pt x="89347" y="157460"/>
                </a:cubicBezTo>
                <a:cubicBezTo>
                  <a:pt x="71059" y="157078"/>
                  <a:pt x="52962" y="147934"/>
                  <a:pt x="34291" y="145268"/>
                </a:cubicBezTo>
                <a:lnTo>
                  <a:pt x="0" y="142056"/>
                </a:lnTo>
                <a:lnTo>
                  <a:pt x="0" y="849556"/>
                </a:lnTo>
                <a:lnTo>
                  <a:pt x="60652" y="844783"/>
                </a:lnTo>
                <a:cubicBezTo>
                  <a:pt x="80251" y="839473"/>
                  <a:pt x="99446" y="832043"/>
                  <a:pt x="119068" y="827281"/>
                </a:cubicBezTo>
                <a:cubicBezTo>
                  <a:pt x="137355" y="822899"/>
                  <a:pt x="154501" y="812802"/>
                  <a:pt x="171840" y="804420"/>
                </a:cubicBezTo>
                <a:cubicBezTo>
                  <a:pt x="204985" y="788417"/>
                  <a:pt x="240420" y="798514"/>
                  <a:pt x="274329" y="794324"/>
                </a:cubicBezTo>
                <a:cubicBezTo>
                  <a:pt x="285188" y="792990"/>
                  <a:pt x="296046" y="791466"/>
                  <a:pt x="306715" y="788798"/>
                </a:cubicBezTo>
                <a:cubicBezTo>
                  <a:pt x="335864" y="781749"/>
                  <a:pt x="365583" y="775653"/>
                  <a:pt x="393967" y="765937"/>
                </a:cubicBezTo>
                <a:cubicBezTo>
                  <a:pt x="426165" y="755078"/>
                  <a:pt x="457028" y="740600"/>
                  <a:pt x="493793" y="725549"/>
                </a:cubicBezTo>
                <a:cubicBezTo>
                  <a:pt x="506557" y="729360"/>
                  <a:pt x="526180" y="739648"/>
                  <a:pt x="546373" y="740600"/>
                </a:cubicBezTo>
                <a:cubicBezTo>
                  <a:pt x="611337" y="743838"/>
                  <a:pt x="672107" y="726121"/>
                  <a:pt x="730211" y="698116"/>
                </a:cubicBezTo>
                <a:cubicBezTo>
                  <a:pt x="747927" y="689734"/>
                  <a:pt x="766980" y="684210"/>
                  <a:pt x="784889" y="676018"/>
                </a:cubicBezTo>
                <a:cubicBezTo>
                  <a:pt x="791173" y="673161"/>
                  <a:pt x="799365" y="667065"/>
                  <a:pt x="800509" y="661349"/>
                </a:cubicBezTo>
                <a:cubicBezTo>
                  <a:pt x="807175" y="628201"/>
                  <a:pt x="831942" y="628772"/>
                  <a:pt x="857661" y="626868"/>
                </a:cubicBezTo>
                <a:cubicBezTo>
                  <a:pt x="888332" y="624582"/>
                  <a:pt x="918621" y="619248"/>
                  <a:pt x="949102" y="614676"/>
                </a:cubicBezTo>
                <a:cubicBezTo>
                  <a:pt x="953104" y="614104"/>
                  <a:pt x="956722" y="610104"/>
                  <a:pt x="960342" y="607435"/>
                </a:cubicBezTo>
                <a:cubicBezTo>
                  <a:pt x="965867" y="603435"/>
                  <a:pt x="971011" y="597339"/>
                  <a:pt x="977109" y="595815"/>
                </a:cubicBezTo>
                <a:cubicBezTo>
                  <a:pt x="1008350" y="588385"/>
                  <a:pt x="1039783" y="582099"/>
                  <a:pt x="1071218" y="575240"/>
                </a:cubicBezTo>
                <a:cubicBezTo>
                  <a:pt x="1078266" y="573716"/>
                  <a:pt x="1085505" y="571812"/>
                  <a:pt x="1091983" y="568764"/>
                </a:cubicBezTo>
                <a:cubicBezTo>
                  <a:pt x="1098079" y="565906"/>
                  <a:pt x="1103223" y="560952"/>
                  <a:pt x="1109321" y="557904"/>
                </a:cubicBezTo>
                <a:cubicBezTo>
                  <a:pt x="1125892" y="549714"/>
                  <a:pt x="1142851" y="542093"/>
                  <a:pt x="1162279" y="532949"/>
                </a:cubicBezTo>
                <a:cubicBezTo>
                  <a:pt x="1173138" y="550094"/>
                  <a:pt x="1187810" y="540377"/>
                  <a:pt x="1206097" y="532187"/>
                </a:cubicBezTo>
                <a:cubicBezTo>
                  <a:pt x="1224765" y="523805"/>
                  <a:pt x="1246292" y="521137"/>
                  <a:pt x="1266867" y="518088"/>
                </a:cubicBezTo>
                <a:cubicBezTo>
                  <a:pt x="1304588" y="512564"/>
                  <a:pt x="1342499" y="509134"/>
                  <a:pt x="1380219" y="504182"/>
                </a:cubicBezTo>
                <a:cubicBezTo>
                  <a:pt x="1388221" y="503038"/>
                  <a:pt x="1397365" y="500944"/>
                  <a:pt x="1403461" y="496180"/>
                </a:cubicBezTo>
                <a:cubicBezTo>
                  <a:pt x="1445181" y="464175"/>
                  <a:pt x="1495858" y="455222"/>
                  <a:pt x="1544054" y="458268"/>
                </a:cubicBezTo>
                <a:cubicBezTo>
                  <a:pt x="1581965" y="460557"/>
                  <a:pt x="1619114" y="462270"/>
                  <a:pt x="1656644" y="459032"/>
                </a:cubicBezTo>
                <a:cubicBezTo>
                  <a:pt x="1659502" y="458841"/>
                  <a:pt x="1663312" y="459223"/>
                  <a:pt x="1665406" y="460747"/>
                </a:cubicBezTo>
                <a:cubicBezTo>
                  <a:pt x="1678360" y="470843"/>
                  <a:pt x="1691887" y="471605"/>
                  <a:pt x="1708461" y="473318"/>
                </a:cubicBezTo>
                <a:cubicBezTo>
                  <a:pt x="1731894" y="475797"/>
                  <a:pt x="1753421" y="474081"/>
                  <a:pt x="1775140" y="469891"/>
                </a:cubicBezTo>
                <a:cubicBezTo>
                  <a:pt x="1790952" y="466843"/>
                  <a:pt x="1806953" y="460557"/>
                  <a:pt x="1821051" y="452554"/>
                </a:cubicBezTo>
                <a:cubicBezTo>
                  <a:pt x="1840672" y="441314"/>
                  <a:pt x="1859535" y="436934"/>
                  <a:pt x="1878203" y="451792"/>
                </a:cubicBezTo>
                <a:cubicBezTo>
                  <a:pt x="1898396" y="467605"/>
                  <a:pt x="1921257" y="462081"/>
                  <a:pt x="1943547" y="462651"/>
                </a:cubicBezTo>
                <a:cubicBezTo>
                  <a:pt x="1953262" y="462843"/>
                  <a:pt x="1963550" y="462461"/>
                  <a:pt x="1972884" y="464937"/>
                </a:cubicBezTo>
                <a:cubicBezTo>
                  <a:pt x="1999935" y="471987"/>
                  <a:pt x="2026036" y="482655"/>
                  <a:pt x="2053469" y="487417"/>
                </a:cubicBezTo>
                <a:cubicBezTo>
                  <a:pt x="2068710" y="490084"/>
                  <a:pt x="2085664" y="485321"/>
                  <a:pt x="2101477" y="481893"/>
                </a:cubicBezTo>
                <a:cubicBezTo>
                  <a:pt x="2117479" y="478273"/>
                  <a:pt x="2133290" y="472749"/>
                  <a:pt x="2148722" y="467033"/>
                </a:cubicBezTo>
                <a:cubicBezTo>
                  <a:pt x="2159199" y="463223"/>
                  <a:pt x="2170629" y="459603"/>
                  <a:pt x="2179011" y="452744"/>
                </a:cubicBezTo>
                <a:cubicBezTo>
                  <a:pt x="2198064" y="437124"/>
                  <a:pt x="2217685" y="434455"/>
                  <a:pt x="2240165" y="442648"/>
                </a:cubicBezTo>
                <a:cubicBezTo>
                  <a:pt x="2243593" y="443982"/>
                  <a:pt x="2247594" y="443982"/>
                  <a:pt x="2251404" y="444172"/>
                </a:cubicBezTo>
                <a:cubicBezTo>
                  <a:pt x="2312370" y="448172"/>
                  <a:pt x="2373330" y="450650"/>
                  <a:pt x="2433912" y="456746"/>
                </a:cubicBezTo>
                <a:cubicBezTo>
                  <a:pt x="2458485" y="459223"/>
                  <a:pt x="2482107" y="470081"/>
                  <a:pt x="2506302" y="476939"/>
                </a:cubicBezTo>
                <a:cubicBezTo>
                  <a:pt x="2511256" y="478273"/>
                  <a:pt x="2516783" y="480369"/>
                  <a:pt x="2521735" y="479415"/>
                </a:cubicBezTo>
                <a:cubicBezTo>
                  <a:pt x="2575647" y="469891"/>
                  <a:pt x="2626132" y="483797"/>
                  <a:pt x="2675854" y="502086"/>
                </a:cubicBezTo>
                <a:cubicBezTo>
                  <a:pt x="2680996" y="503992"/>
                  <a:pt x="2687282" y="503419"/>
                  <a:pt x="2692998" y="503038"/>
                </a:cubicBezTo>
                <a:cubicBezTo>
                  <a:pt x="2709003" y="501706"/>
                  <a:pt x="2726337" y="495038"/>
                  <a:pt x="2740816" y="499037"/>
                </a:cubicBezTo>
                <a:cubicBezTo>
                  <a:pt x="2779297" y="510088"/>
                  <a:pt x="2817398" y="523423"/>
                  <a:pt x="2853596" y="540187"/>
                </a:cubicBezTo>
                <a:cubicBezTo>
                  <a:pt x="2890365" y="557142"/>
                  <a:pt x="2924464" y="571430"/>
                  <a:pt x="2966565" y="554286"/>
                </a:cubicBezTo>
                <a:cubicBezTo>
                  <a:pt x="2984472" y="547045"/>
                  <a:pt x="3008095" y="552190"/>
                  <a:pt x="3028671" y="554094"/>
                </a:cubicBezTo>
                <a:cubicBezTo>
                  <a:pt x="3043720" y="555618"/>
                  <a:pt x="3058198" y="564192"/>
                  <a:pt x="3073059" y="564192"/>
                </a:cubicBezTo>
                <a:cubicBezTo>
                  <a:pt x="3112686" y="564192"/>
                  <a:pt x="3147927" y="574288"/>
                  <a:pt x="3182219" y="594862"/>
                </a:cubicBezTo>
                <a:cubicBezTo>
                  <a:pt x="3195557" y="602863"/>
                  <a:pt x="3216322" y="597529"/>
                  <a:pt x="3233656" y="599625"/>
                </a:cubicBezTo>
                <a:cubicBezTo>
                  <a:pt x="3251947" y="602101"/>
                  <a:pt x="3270804" y="604387"/>
                  <a:pt x="3288332" y="609914"/>
                </a:cubicBezTo>
                <a:cubicBezTo>
                  <a:pt x="3333672" y="624392"/>
                  <a:pt x="3378441" y="640774"/>
                  <a:pt x="3423591" y="656015"/>
                </a:cubicBezTo>
                <a:cubicBezTo>
                  <a:pt x="3460738" y="668590"/>
                  <a:pt x="3497317" y="658683"/>
                  <a:pt x="3534084" y="653349"/>
                </a:cubicBezTo>
                <a:cubicBezTo>
                  <a:pt x="3557137" y="649919"/>
                  <a:pt x="3578662" y="641727"/>
                  <a:pt x="3604571" y="653918"/>
                </a:cubicBezTo>
                <a:cubicBezTo>
                  <a:pt x="3629338" y="665541"/>
                  <a:pt x="3660771" y="662873"/>
                  <a:pt x="3688586" y="669160"/>
                </a:cubicBezTo>
                <a:cubicBezTo>
                  <a:pt x="3712020" y="674494"/>
                  <a:pt x="3734687" y="683068"/>
                  <a:pt x="3757358" y="691450"/>
                </a:cubicBezTo>
                <a:cubicBezTo>
                  <a:pt x="3788221" y="702881"/>
                  <a:pt x="3818700" y="714881"/>
                  <a:pt x="3852421" y="709167"/>
                </a:cubicBezTo>
                <a:cubicBezTo>
                  <a:pt x="3890714" y="702689"/>
                  <a:pt x="3917001" y="727073"/>
                  <a:pt x="3947104" y="743267"/>
                </a:cubicBezTo>
                <a:cubicBezTo>
                  <a:pt x="3967869" y="754316"/>
                  <a:pt x="3990538" y="762509"/>
                  <a:pt x="4013208" y="769367"/>
                </a:cubicBezTo>
                <a:cubicBezTo>
                  <a:pt x="4043497" y="778321"/>
                  <a:pt x="4074740" y="783655"/>
                  <a:pt x="4105222" y="792417"/>
                </a:cubicBezTo>
                <a:cubicBezTo>
                  <a:pt x="4151325" y="805561"/>
                  <a:pt x="4198001" y="815850"/>
                  <a:pt x="4246006" y="808610"/>
                </a:cubicBezTo>
                <a:cubicBezTo>
                  <a:pt x="4268105" y="805372"/>
                  <a:pt x="4288682" y="805561"/>
                  <a:pt x="4310779" y="810326"/>
                </a:cubicBezTo>
                <a:cubicBezTo>
                  <a:pt x="4346974" y="818136"/>
                  <a:pt x="4384123" y="819089"/>
                  <a:pt x="4413272" y="848235"/>
                </a:cubicBezTo>
                <a:cubicBezTo>
                  <a:pt x="4423558" y="858524"/>
                  <a:pt x="4442037" y="861190"/>
                  <a:pt x="4457087" y="866524"/>
                </a:cubicBezTo>
                <a:cubicBezTo>
                  <a:pt x="4474424" y="872812"/>
                  <a:pt x="4487186" y="869572"/>
                  <a:pt x="4496523" y="851284"/>
                </a:cubicBezTo>
                <a:cubicBezTo>
                  <a:pt x="4500713" y="843093"/>
                  <a:pt x="4512715" y="835091"/>
                  <a:pt x="4522050" y="833757"/>
                </a:cubicBezTo>
                <a:cubicBezTo>
                  <a:pt x="4550055" y="829757"/>
                  <a:pt x="4575773" y="835663"/>
                  <a:pt x="4602824" y="848618"/>
                </a:cubicBezTo>
                <a:cubicBezTo>
                  <a:pt x="4628161" y="860810"/>
                  <a:pt x="4659786" y="859476"/>
                  <a:pt x="4688553" y="864238"/>
                </a:cubicBezTo>
                <a:cubicBezTo>
                  <a:pt x="4708936" y="867668"/>
                  <a:pt x="4729321" y="874716"/>
                  <a:pt x="4749895" y="874716"/>
                </a:cubicBezTo>
                <a:cubicBezTo>
                  <a:pt x="4775424" y="874716"/>
                  <a:pt x="4800761" y="868620"/>
                  <a:pt x="4826480" y="866334"/>
                </a:cubicBezTo>
                <a:cubicBezTo>
                  <a:pt x="4846482" y="864430"/>
                  <a:pt x="4866867" y="865192"/>
                  <a:pt x="4886870" y="862906"/>
                </a:cubicBezTo>
                <a:cubicBezTo>
                  <a:pt x="4903254" y="861190"/>
                  <a:pt x="4919447" y="856810"/>
                  <a:pt x="4935639" y="853190"/>
                </a:cubicBezTo>
                <a:cubicBezTo>
                  <a:pt x="4941546" y="851856"/>
                  <a:pt x="4947452" y="846711"/>
                  <a:pt x="4952784" y="847473"/>
                </a:cubicBezTo>
                <a:cubicBezTo>
                  <a:pt x="5005745" y="855666"/>
                  <a:pt x="5043847" y="819089"/>
                  <a:pt x="5088617" y="802896"/>
                </a:cubicBezTo>
                <a:cubicBezTo>
                  <a:pt x="5135672" y="785749"/>
                  <a:pt x="5181204" y="759461"/>
                  <a:pt x="5233781" y="767271"/>
                </a:cubicBezTo>
                <a:cubicBezTo>
                  <a:pt x="5265596" y="772033"/>
                  <a:pt x="5296267" y="783083"/>
                  <a:pt x="5327893" y="789752"/>
                </a:cubicBezTo>
                <a:cubicBezTo>
                  <a:pt x="5339132" y="792038"/>
                  <a:pt x="5351705" y="791656"/>
                  <a:pt x="5362946" y="789370"/>
                </a:cubicBezTo>
                <a:cubicBezTo>
                  <a:pt x="5417240" y="778891"/>
                  <a:pt x="5470771" y="777367"/>
                  <a:pt x="5524115" y="794514"/>
                </a:cubicBezTo>
                <a:cubicBezTo>
                  <a:pt x="5533257" y="797372"/>
                  <a:pt x="5542974" y="800038"/>
                  <a:pt x="5552500" y="800038"/>
                </a:cubicBezTo>
                <a:cubicBezTo>
                  <a:pt x="5604697" y="800038"/>
                  <a:pt x="5655944" y="796038"/>
                  <a:pt x="5705857" y="777367"/>
                </a:cubicBezTo>
                <a:cubicBezTo>
                  <a:pt x="5722622" y="771080"/>
                  <a:pt x="5743006" y="775081"/>
                  <a:pt x="5761485" y="773557"/>
                </a:cubicBezTo>
                <a:cubicBezTo>
                  <a:pt x="5778629" y="772224"/>
                  <a:pt x="5796156" y="771653"/>
                  <a:pt x="5812731" y="767271"/>
                </a:cubicBezTo>
                <a:cubicBezTo>
                  <a:pt x="5836925" y="760795"/>
                  <a:pt x="5859404" y="760033"/>
                  <a:pt x="5884361" y="765747"/>
                </a:cubicBezTo>
                <a:cubicBezTo>
                  <a:pt x="5908174" y="771080"/>
                  <a:pt x="5933892" y="768415"/>
                  <a:pt x="5958660" y="768605"/>
                </a:cubicBezTo>
                <a:cubicBezTo>
                  <a:pt x="5986282" y="768795"/>
                  <a:pt x="6013906" y="768984"/>
                  <a:pt x="6041528" y="768033"/>
                </a:cubicBezTo>
                <a:cubicBezTo>
                  <a:pt x="6052579" y="767653"/>
                  <a:pt x="6065151" y="760033"/>
                  <a:pt x="6074297" y="763081"/>
                </a:cubicBezTo>
                <a:cubicBezTo>
                  <a:pt x="6103824" y="773366"/>
                  <a:pt x="6133353" y="760985"/>
                  <a:pt x="6162880" y="766509"/>
                </a:cubicBezTo>
                <a:cubicBezTo>
                  <a:pt x="6177360" y="769367"/>
                  <a:pt x="6193743" y="761557"/>
                  <a:pt x="6209364" y="760795"/>
                </a:cubicBezTo>
                <a:cubicBezTo>
                  <a:pt x="6234892" y="759461"/>
                  <a:pt x="6260419" y="760033"/>
                  <a:pt x="6285948" y="759651"/>
                </a:cubicBezTo>
                <a:cubicBezTo>
                  <a:pt x="6294330" y="759461"/>
                  <a:pt x="6302523" y="758699"/>
                  <a:pt x="6310905" y="758316"/>
                </a:cubicBezTo>
                <a:cubicBezTo>
                  <a:pt x="6318335" y="757936"/>
                  <a:pt x="6326145" y="756222"/>
                  <a:pt x="6333194" y="757554"/>
                </a:cubicBezTo>
                <a:cubicBezTo>
                  <a:pt x="6358723" y="762318"/>
                  <a:pt x="6383869" y="770129"/>
                  <a:pt x="6409586" y="773177"/>
                </a:cubicBezTo>
                <a:cubicBezTo>
                  <a:pt x="6431875" y="775843"/>
                  <a:pt x="6454928" y="772224"/>
                  <a:pt x="6477407" y="774129"/>
                </a:cubicBezTo>
                <a:cubicBezTo>
                  <a:pt x="6517032" y="777367"/>
                  <a:pt x="6556657" y="783083"/>
                  <a:pt x="6596283" y="786703"/>
                </a:cubicBezTo>
                <a:cubicBezTo>
                  <a:pt x="6604857" y="787465"/>
                  <a:pt x="6613809" y="782701"/>
                  <a:pt x="6622573" y="782321"/>
                </a:cubicBezTo>
                <a:cubicBezTo>
                  <a:pt x="6650006" y="781369"/>
                  <a:pt x="6677439" y="781177"/>
                  <a:pt x="6704872" y="780607"/>
                </a:cubicBezTo>
                <a:cubicBezTo>
                  <a:pt x="6720493" y="780415"/>
                  <a:pt x="6736305" y="780987"/>
                  <a:pt x="6751738" y="779273"/>
                </a:cubicBezTo>
                <a:cubicBezTo>
                  <a:pt x="6772120" y="776987"/>
                  <a:pt x="6790599" y="773557"/>
                  <a:pt x="6809650" y="788417"/>
                </a:cubicBezTo>
                <a:cubicBezTo>
                  <a:pt x="6816984" y="794180"/>
                  <a:pt x="6824819" y="797942"/>
                  <a:pt x="6832976" y="800428"/>
                </a:cubicBezTo>
                <a:close/>
              </a:path>
            </a:pathLst>
          </a:custGeom>
          <a:blipFill dpi="0" rotWithShape="1">
            <a:blip r:embed="rId4">
              <a:alphaModFix amt="57000"/>
            </a:blip>
            <a:srcRect/>
            <a:tile tx="0" ty="0" sx="100000" sy="100000" flip="none" algn="tl"/>
          </a:blip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5" name="Undertitel 4">
            <a:extLst>
              <a:ext uri="{FF2B5EF4-FFF2-40B4-BE49-F238E27FC236}">
                <a16:creationId xmlns:a16="http://schemas.microsoft.com/office/drawing/2014/main" id="{EB43E3ED-A083-4F33-B146-1FB02483C5B3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1237295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68276D1-81F7-41B2-9A52-E6E26C4A48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>
                <a:latin typeface="+mn-lt"/>
              </a:rPr>
              <a:t>I nødundervisningen ser vi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20B925F-80B7-4F82-A9F6-155B732E191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9336206" cy="4351338"/>
          </a:xfrm>
        </p:spPr>
        <p:txBody>
          <a:bodyPr/>
          <a:lstStyle/>
          <a:p>
            <a:pPr marL="0" indent="0">
              <a:buNone/>
            </a:pPr>
            <a:r>
              <a:rPr lang="da-DK" dirty="0"/>
              <a:t>At rammebetingelserne  skaber både skaber </a:t>
            </a:r>
            <a:r>
              <a:rPr lang="da-DK" u="sng" dirty="0"/>
              <a:t>didaktiske benspænd</a:t>
            </a:r>
            <a:r>
              <a:rPr lang="da-DK" dirty="0"/>
              <a:t>, der skaber spændende, inspirerende og engagerende hybride forløb ..</a:t>
            </a:r>
          </a:p>
          <a:p>
            <a:pPr marL="0" indent="0">
              <a:buNone/>
            </a:pPr>
            <a:r>
              <a:rPr lang="da-DK" dirty="0"/>
              <a:t>Vi ser også undervisning, der er </a:t>
            </a:r>
            <a:r>
              <a:rPr lang="da-DK" u="sng" dirty="0"/>
              <a:t>kedelig og </a:t>
            </a:r>
            <a:r>
              <a:rPr lang="da-DK" u="sng" dirty="0" err="1"/>
              <a:t>uengagerende</a:t>
            </a:r>
            <a:r>
              <a:rPr lang="da-DK" u="sng" dirty="0"/>
              <a:t> </a:t>
            </a:r>
            <a:r>
              <a:rPr lang="da-DK" dirty="0"/>
              <a:t>– især når der mangler variation, timing og nærvær (jf. brugerne)</a:t>
            </a:r>
          </a:p>
          <a:p>
            <a:pPr marL="0" indent="0">
              <a:buNone/>
            </a:pP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407616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ctangle 11">
            <a:extLst>
              <a:ext uri="{FF2B5EF4-FFF2-40B4-BE49-F238E27FC236}">
                <a16:creationId xmlns:a16="http://schemas.microsoft.com/office/drawing/2014/main" id="{68575C10-8187-4AC4-AD72-C754EAFD286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-1" y="0"/>
            <a:ext cx="4654295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6C592F99-22AD-4C87-A19F-116C24D81A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2000" y="559678"/>
            <a:ext cx="3567915" cy="4952492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b="1" kern="1200" dirty="0" err="1">
                <a:solidFill>
                  <a:schemeClr val="bg1"/>
                </a:solidFill>
                <a:latin typeface="+mn-lt"/>
                <a:ea typeface="+mj-ea"/>
                <a:cs typeface="+mj-cs"/>
              </a:rPr>
              <a:t>Refleksions</a:t>
            </a:r>
            <a:r>
              <a:rPr lang="en-US" b="1" kern="1200" dirty="0">
                <a:solidFill>
                  <a:schemeClr val="bg1"/>
                </a:solidFill>
                <a:latin typeface="+mn-lt"/>
                <a:ea typeface="+mj-ea"/>
                <a:cs typeface="+mj-cs"/>
              </a:rPr>
              <a:t> – </a:t>
            </a:r>
            <a:r>
              <a:rPr lang="en-US" b="1" kern="1200" dirty="0" err="1">
                <a:solidFill>
                  <a:schemeClr val="bg1"/>
                </a:solidFill>
                <a:latin typeface="+mn-lt"/>
                <a:ea typeface="+mj-ea"/>
                <a:cs typeface="+mj-cs"/>
              </a:rPr>
              <a:t>og</a:t>
            </a:r>
            <a:r>
              <a:rPr lang="en-US" b="1" kern="1200" dirty="0">
                <a:solidFill>
                  <a:schemeClr val="bg1"/>
                </a:solidFill>
                <a:latin typeface="+mn-lt"/>
                <a:ea typeface="+mj-ea"/>
                <a:cs typeface="+mj-cs"/>
              </a:rPr>
              <a:t> </a:t>
            </a:r>
            <a:r>
              <a:rPr lang="en-US" b="1" kern="1200" dirty="0" err="1">
                <a:solidFill>
                  <a:schemeClr val="bg1"/>
                </a:solidFill>
                <a:latin typeface="+mn-lt"/>
                <a:ea typeface="+mj-ea"/>
                <a:cs typeface="+mj-cs"/>
              </a:rPr>
              <a:t>handlingsrum</a:t>
            </a:r>
            <a:endParaRPr lang="en-US" b="1" kern="1200" dirty="0">
              <a:solidFill>
                <a:schemeClr val="bg1"/>
              </a:solidFill>
              <a:latin typeface="+mn-lt"/>
              <a:ea typeface="+mj-ea"/>
              <a:cs typeface="+mj-cs"/>
            </a:endParaRPr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74E776C9-ED67-41B7-B3A3-4DF76EF3ACE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0" y="6199730"/>
            <a:ext cx="4297680" cy="0"/>
          </a:xfrm>
          <a:prstGeom prst="line">
            <a:avLst/>
          </a:prstGeom>
          <a:ln w="254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7" name="Pladsholder til tekst 2">
            <a:extLst>
              <a:ext uri="{FF2B5EF4-FFF2-40B4-BE49-F238E27FC236}">
                <a16:creationId xmlns:a16="http://schemas.microsoft.com/office/drawing/2014/main" id="{7D9CD3EC-3DE8-453B-9065-8C07F177499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171118031"/>
              </p:ext>
            </p:extLst>
          </p:nvPr>
        </p:nvGraphicFramePr>
        <p:xfrm>
          <a:off x="5181600" y="568325"/>
          <a:ext cx="6248400" cy="56562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73577897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" name="Down Arrow 7">
            <a:extLst>
              <a:ext uri="{FF2B5EF4-FFF2-40B4-BE49-F238E27FC236}">
                <a16:creationId xmlns:a16="http://schemas.microsoft.com/office/drawing/2014/main" id="{73DE2CFE-42F2-48F0-8706-5264E012B10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>
            <a:off x="5662795" y="-3745097"/>
            <a:ext cx="1354979" cy="10750169"/>
          </a:xfrm>
          <a:prstGeom prst="downArrow">
            <a:avLst>
              <a:gd name="adj1" fmla="val 100000"/>
              <a:gd name="adj2" fmla="val 22582"/>
            </a:avLst>
          </a:prstGeom>
          <a:solidFill>
            <a:srgbClr val="404040"/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6C592F99-22AD-4C87-A19F-116C24D81AD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86932" y="1204109"/>
            <a:ext cx="10023398" cy="857894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40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Fordi</a:t>
            </a:r>
            <a:r>
              <a:rPr lang="en-US" sz="40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:</a:t>
            </a: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3A3485C7-FDD2-4533-A966-2DFCFF0571F1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150" b="14580"/>
          <a:stretch/>
        </p:blipFill>
        <p:spPr>
          <a:xfrm>
            <a:off x="6152379" y="2962451"/>
            <a:ext cx="5013333" cy="2820012"/>
          </a:xfrm>
          <a:prstGeom prst="rect">
            <a:avLst/>
          </a:prstGeom>
        </p:spPr>
      </p:pic>
      <p:graphicFrame>
        <p:nvGraphicFramePr>
          <p:cNvPr id="7" name="Pladsholder til tekst 2">
            <a:extLst>
              <a:ext uri="{FF2B5EF4-FFF2-40B4-BE49-F238E27FC236}">
                <a16:creationId xmlns:a16="http://schemas.microsoft.com/office/drawing/2014/main" id="{7D9CD3EC-3DE8-453B-9065-8C07F177499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14094975"/>
              </p:ext>
            </p:extLst>
          </p:nvPr>
        </p:nvGraphicFramePr>
        <p:xfrm>
          <a:off x="1286930" y="2962451"/>
          <a:ext cx="4052499" cy="28200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0264832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7281" name="Titel 1">
            <a:extLst>
              <a:ext uri="{FF2B5EF4-FFF2-40B4-BE49-F238E27FC236}">
                <a16:creationId xmlns:a16="http://schemas.microsoft.com/office/drawing/2014/main" id="{F6C95BF1-1896-7047-9BF9-26BD4372DB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556995"/>
            <a:ext cx="10515600" cy="1133693"/>
          </a:xfrm>
        </p:spPr>
        <p:txBody>
          <a:bodyPr>
            <a:normAutofit/>
          </a:bodyPr>
          <a:lstStyle/>
          <a:p>
            <a:r>
              <a:rPr lang="da-DK" altLang="da-DK" sz="5200" b="1">
                <a:latin typeface="+mn-lt"/>
              </a:rPr>
              <a:t>Lærerrollen har nu flere dimension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F9549DA-DF15-CA41-8B1B-FA68FA3A825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  <a:defRPr/>
            </a:pPr>
            <a:r>
              <a:rPr lang="da-DK" altLang="da-DK"/>
              <a:t>2. november 2016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9DE3B9D-CF13-9442-B94F-B5D28FFA65E1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8610600" y="6356350"/>
            <a:ext cx="2743200" cy="365125"/>
          </a:xfrm>
        </p:spPr>
        <p:txBody>
          <a:bodyPr>
            <a:norm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>
              <a:spcAft>
                <a:spcPts val="600"/>
              </a:spcAft>
            </a:pPr>
            <a:r>
              <a:rPr lang="da-DK" altLang="da-DK"/>
              <a:t>Slide </a:t>
            </a:r>
            <a:fld id="{92312E7B-CE12-DA45-BF3A-F5A3400291CD}" type="slidenum">
              <a:rPr lang="da-DK" altLang="da-DK"/>
              <a:pPr>
                <a:spcAft>
                  <a:spcPts val="600"/>
                </a:spcAft>
              </a:pPr>
              <a:t>13</a:t>
            </a:fld>
            <a:endParaRPr lang="da-DK" altLang="da-DK"/>
          </a:p>
        </p:txBody>
      </p:sp>
      <p:graphicFrame>
        <p:nvGraphicFramePr>
          <p:cNvPr id="97284" name="Pladsholder til indhold 2">
            <a:extLst>
              <a:ext uri="{FF2B5EF4-FFF2-40B4-BE49-F238E27FC236}">
                <a16:creationId xmlns:a16="http://schemas.microsoft.com/office/drawing/2014/main" id="{14F5E840-84D2-4A35-98A4-70A49649CB24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623730551"/>
              </p:ext>
            </p:extLst>
          </p:nvPr>
        </p:nvGraphicFramePr>
        <p:xfrm>
          <a:off x="838200" y="1825625"/>
          <a:ext cx="10515600" cy="435133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73550821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Down Arrow 7">
            <a:extLst>
              <a:ext uri="{FF2B5EF4-FFF2-40B4-BE49-F238E27FC236}">
                <a16:creationId xmlns:a16="http://schemas.microsoft.com/office/drawing/2014/main" id="{D4771268-CB57-404A-9271-370EB28F609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6200000">
            <a:off x="800100" y="1491343"/>
            <a:ext cx="3333749" cy="3499103"/>
          </a:xfrm>
          <a:prstGeom prst="downArrow">
            <a:avLst>
              <a:gd name="adj1" fmla="val 100000"/>
              <a:gd name="adj2" fmla="val 15788"/>
            </a:avLst>
          </a:prstGeom>
          <a:solidFill>
            <a:srgbClr val="404040"/>
          </a:solidFill>
          <a:ln w="539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305" name="Titel 1">
            <a:extLst>
              <a:ext uri="{FF2B5EF4-FFF2-40B4-BE49-F238E27FC236}">
                <a16:creationId xmlns:a16="http://schemas.microsoft.com/office/drawing/2014/main" id="{1FF298A6-2985-8C4D-A304-A820BD134F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28700" y="1967266"/>
            <a:ext cx="2628900" cy="2547257"/>
          </a:xfrm>
          <a:noFill/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altLang="da-DK" sz="31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Dermed</a:t>
            </a:r>
            <a:r>
              <a:rPr lang="en-US" altLang="da-DK" sz="31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 </a:t>
            </a:r>
            <a:r>
              <a:rPr lang="en-US" altLang="da-DK" sz="31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også</a:t>
            </a:r>
            <a:r>
              <a:rPr lang="en-US" altLang="da-DK" sz="31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 </a:t>
            </a:r>
            <a:r>
              <a:rPr lang="en-US" altLang="da-DK" sz="31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en</a:t>
            </a:r>
            <a:r>
              <a:rPr lang="en-US" altLang="da-DK" sz="31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 </a:t>
            </a:r>
            <a:r>
              <a:rPr lang="en-US" altLang="da-DK" sz="31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ny</a:t>
            </a:r>
            <a:r>
              <a:rPr lang="en-US" altLang="da-DK" sz="31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 </a:t>
            </a:r>
            <a:r>
              <a:rPr lang="en-US" altLang="da-DK" sz="3100" b="1" kern="1200" dirty="0" err="1">
                <a:solidFill>
                  <a:srgbClr val="FFFFFF"/>
                </a:solidFill>
                <a:latin typeface="+mn-lt"/>
                <a:ea typeface="+mj-ea"/>
                <a:cs typeface="+mj-cs"/>
              </a:rPr>
              <a:t>arbejdsdeling</a:t>
            </a:r>
            <a:r>
              <a:rPr lang="en-US" altLang="da-DK" sz="3100" b="1" kern="1200" dirty="0">
                <a:solidFill>
                  <a:srgbClr val="FFFFFF"/>
                </a:solidFill>
                <a:latin typeface="+mn-lt"/>
                <a:ea typeface="+mj-ea"/>
                <a:cs typeface="+mj-cs"/>
              </a:rPr>
              <a:t>…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669221-2829-6D4C-BECE-3798ADC03C0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842248" y="6356350"/>
            <a:ext cx="1997202" cy="365125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r">
              <a:spcAft>
                <a:spcPts val="600"/>
              </a:spcAft>
              <a:defRPr/>
            </a:pPr>
            <a:fld id="{216D394E-3239-AB46-BD00-E41B3CD6AE06}" type="datetime3">
              <a:rPr lang="en-US" altLang="da-DK">
                <a:solidFill>
                  <a:schemeClr val="tx1">
                    <a:alpha val="80000"/>
                  </a:schemeClr>
                </a:solidFill>
              </a:rPr>
              <a:pPr algn="r">
                <a:spcAft>
                  <a:spcPts val="600"/>
                </a:spcAft>
                <a:defRPr/>
              </a:pPr>
              <a:t>31 January 2021</a:t>
            </a:fld>
            <a:endParaRPr lang="en-US" altLang="da-DK">
              <a:solidFill>
                <a:schemeClr val="tx1">
                  <a:alpha val="80000"/>
                </a:schemeClr>
              </a:solidFill>
            </a:endParaRP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8D59637A-9422-1548-839A-BB8366F35537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034184" y="6356350"/>
            <a:ext cx="514349" cy="365125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ＭＳ Ｐゴシック" panose="020B0600070205080204" pitchFamily="34" charset="-128"/>
              </a:defRPr>
            </a:lvl9pPr>
          </a:lstStyle>
          <a:p>
            <a:pPr algn="r">
              <a:lnSpc>
                <a:spcPct val="90000"/>
              </a:lnSpc>
              <a:spcAft>
                <a:spcPts val="600"/>
              </a:spcAft>
            </a:pPr>
            <a:r>
              <a:rPr lang="en-US" altLang="da-DK" sz="900">
                <a:solidFill>
                  <a:schemeClr val="tx1">
                    <a:alpha val="80000"/>
                  </a:schemeClr>
                </a:solidFill>
                <a:latin typeface="+mn-lt"/>
                <a:ea typeface="+mn-ea"/>
              </a:rPr>
              <a:t>Slide </a:t>
            </a:r>
            <a:fld id="{EA5F50C6-1BC2-0A41-91F6-DB047FBD4FD0}" type="slidenum">
              <a:rPr lang="en-US" altLang="da-DK" sz="900">
                <a:solidFill>
                  <a:schemeClr val="tx1">
                    <a:alpha val="80000"/>
                  </a:schemeClr>
                </a:solidFill>
                <a:latin typeface="+mn-lt"/>
                <a:ea typeface="+mn-ea"/>
              </a:rPr>
              <a:pPr algn="r">
                <a:lnSpc>
                  <a:spcPct val="90000"/>
                </a:lnSpc>
                <a:spcAft>
                  <a:spcPts val="600"/>
                </a:spcAft>
              </a:pPr>
              <a:t>14</a:t>
            </a:fld>
            <a:endParaRPr lang="en-US" altLang="da-DK" sz="900">
              <a:solidFill>
                <a:schemeClr val="tx1">
                  <a:alpha val="80000"/>
                </a:schemeClr>
              </a:solidFill>
              <a:latin typeface="+mn-lt"/>
              <a:ea typeface="+mn-ea"/>
            </a:endParaRPr>
          </a:p>
        </p:txBody>
      </p:sp>
      <p:graphicFrame>
        <p:nvGraphicFramePr>
          <p:cNvPr id="98308" name="Pladsholder til indhold 5">
            <a:extLst>
              <a:ext uri="{FF2B5EF4-FFF2-40B4-BE49-F238E27FC236}">
                <a16:creationId xmlns:a16="http://schemas.microsoft.com/office/drawing/2014/main" id="{E09F8D0E-D408-1D49-9B21-E28CC4C72D5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96312556"/>
              </p:ext>
            </p:extLst>
          </p:nvPr>
        </p:nvGraphicFramePr>
        <p:xfrm>
          <a:off x="4777316" y="1697090"/>
          <a:ext cx="6780701" cy="3461492"/>
        </p:xfrm>
        <a:graphic>
          <a:graphicData uri="http://schemas.openxmlformats.org/drawingml/2006/table">
            <a:tbl>
              <a:tblPr firstRow="1" bandRow="1">
                <a:tableStyleId>{8EC20E35-A176-4012-BC5E-935CFFF8708E}</a:tableStyleId>
              </a:tblPr>
              <a:tblGrid>
                <a:gridCol w="101952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84943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291174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79185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da-DK" altLang="da-DK" sz="3200" b="0" i="0" u="none" strike="noStrike" cap="none" spc="60" normalizeH="0" baseline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anchor="ctr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3200" b="0" u="none" strike="noStrike" cap="none" spc="60" normalizeH="0" baseline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</a:rPr>
                        <a:t>Kompetence</a:t>
                      </a:r>
                      <a:endParaRPr kumimoji="0" lang="da-DK" altLang="da-DK" sz="3200" b="0" i="0" u="none" strike="noStrike" cap="none" spc="60" normalizeH="0" baseline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anchor="ctr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3200" b="0" u="none" strike="noStrike" cap="none" spc="60" normalizeH="0" baseline="0">
                          <a:ln>
                            <a:noFill/>
                          </a:ln>
                          <a:solidFill>
                            <a:schemeClr val="bg1"/>
                          </a:solidFill>
                          <a:effectLst/>
                        </a:rPr>
                        <a:t>Organisering</a:t>
                      </a:r>
                      <a:endParaRPr kumimoji="0" lang="da-DK" altLang="da-DK" sz="3200" b="0" i="0" u="none" strike="noStrike" cap="none" spc="60" normalizeH="0" baseline="0">
                        <a:ln>
                          <a:noFill/>
                        </a:ln>
                        <a:solidFill>
                          <a:schemeClr val="bg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anchor="ctr" horzOverflow="overflow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720644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Før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Det ”samme”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Hver for sig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48995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Nu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Specialiseret og forskelligt, men med gensidig forståelse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buFont typeface="Arial" charset="0"/>
                        <a:defRPr sz="2400">
                          <a:solidFill>
                            <a:schemeClr val="tx1"/>
                          </a:solidFill>
                          <a:latin typeface="Calibri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2000">
                          <a:solidFill>
                            <a:schemeClr val="tx1"/>
                          </a:solidFill>
                          <a:latin typeface="Calibri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>
                          <a:solidFill>
                            <a:schemeClr val="tx1"/>
                          </a:solidFill>
                          <a:latin typeface="Calibri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500"/>
                        </a:spcBef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500"/>
                        </a:spcBef>
                        <a:spcAft>
                          <a:spcPct val="0"/>
                        </a:spcAft>
                        <a:buFont typeface="Arial" charset="0"/>
                        <a:defRPr sz="1600">
                          <a:solidFill>
                            <a:schemeClr val="tx1"/>
                          </a:solidFill>
                          <a:latin typeface="Calibri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da-DK" altLang="da-DK" sz="2700" b="0" u="none" strike="noStrike" cap="none" spc="0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</a:rPr>
                        <a:t>Sammen konstitueret af forskellighed</a:t>
                      </a:r>
                      <a:endParaRPr kumimoji="0" lang="da-DK" altLang="da-DK" sz="2700" b="0" i="0" u="none" strike="noStrike" cap="none" spc="0" normalizeH="0" baseline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Calibri" charset="0"/>
                        <a:ea typeface="ＭＳ Ｐゴシック" charset="-128"/>
                      </a:endParaRPr>
                    </a:p>
                  </a:txBody>
                  <a:tcPr marL="166511" marR="166511" marT="178975" marB="89493" horzOverflow="overflow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246349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F35033-754E-4D84-87D9-C2266CB755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D2B7D97-54F3-4D6C-BBD7-419653F0EE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55000" lnSpcReduction="20000"/>
          </a:bodyPr>
          <a:lstStyle/>
          <a:p>
            <a:pPr marL="0" indent="0" algn="ctr">
              <a:buNone/>
            </a:pPr>
            <a:r>
              <a:rPr lang="da-DK" sz="34400" dirty="0">
                <a:solidFill>
                  <a:schemeClr val="bg1">
                    <a:lumMod val="95000"/>
                  </a:schemeClr>
                </a:solidFill>
              </a:rPr>
              <a:t>Didaktisk Ledelse??</a:t>
            </a:r>
          </a:p>
        </p:txBody>
      </p:sp>
    </p:spTree>
    <p:extLst>
      <p:ext uri="{BB962C8B-B14F-4D97-AF65-F5344CB8AC3E}">
        <p14:creationId xmlns:p14="http://schemas.microsoft.com/office/powerpoint/2010/main" val="156107963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id="{E8A8EAB8-D2FF-444D-B34B-7D32F106AD0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1DAA09D7-D07B-4F7E-9FDD-FA44D730CAF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48721"/>
            <a:ext cx="4707671" cy="1225650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3800" b="1" dirty="0" err="1">
                <a:solidFill>
                  <a:schemeClr val="bg1"/>
                </a:solidFill>
                <a:latin typeface="+mn-lt"/>
              </a:rPr>
              <a:t>Ledelse</a:t>
            </a:r>
            <a:r>
              <a:rPr lang="en-US" sz="3800" b="1" dirty="0">
                <a:solidFill>
                  <a:schemeClr val="bg1"/>
                </a:solidFill>
                <a:latin typeface="+mn-lt"/>
              </a:rPr>
              <a:t> - </a:t>
            </a:r>
            <a:r>
              <a:rPr lang="en-US" sz="3800" b="1" dirty="0" err="1">
                <a:solidFill>
                  <a:schemeClr val="bg1"/>
                </a:solidFill>
                <a:latin typeface="+mn-lt"/>
              </a:rPr>
              <a:t>Fokus</a:t>
            </a:r>
            <a:endParaRPr lang="en-US" sz="3800" b="1" dirty="0">
              <a:solidFill>
                <a:schemeClr val="bg1"/>
              </a:solidFill>
              <a:latin typeface="+mn-lt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EEA38897-7BA3-4408-8083-3235339C4A6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1873" y="1749756"/>
            <a:ext cx="4718304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06D2934-B32D-415F-B509-08CC46E9FB4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897769" y="1909192"/>
            <a:ext cx="4586513" cy="3647710"/>
          </a:xfrm>
        </p:spPr>
        <p:txBody>
          <a:bodyPr vert="horz" lIns="91440" tIns="45720" rIns="91440" bIns="45720" rtlCol="0">
            <a:normAutofit/>
          </a:bodyPr>
          <a:lstStyle/>
          <a:p>
            <a:pPr marL="0"/>
            <a:r>
              <a:rPr lang="en-US" sz="2000" b="1">
                <a:solidFill>
                  <a:schemeClr val="bg1"/>
                </a:solidFill>
              </a:rPr>
              <a:t>Fælles anliggende – Vision</a:t>
            </a:r>
          </a:p>
          <a:p>
            <a:pPr marL="0"/>
            <a:r>
              <a:rPr lang="en-US" sz="2000" b="1">
                <a:solidFill>
                  <a:schemeClr val="bg1"/>
                </a:solidFill>
              </a:rPr>
              <a:t>Referenceramme sprogliggørelse</a:t>
            </a:r>
          </a:p>
          <a:p>
            <a:pPr marL="0"/>
            <a:r>
              <a:rPr lang="en-US" sz="2000" b="1">
                <a:solidFill>
                  <a:schemeClr val="bg1"/>
                </a:solidFill>
              </a:rPr>
              <a:t>Fra generalisering til operationalisering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F11AD06B-AB20-4097-8606-5DA00DBACE8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834027" y="5707672"/>
            <a:ext cx="4713997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15">
            <a:extLst>
              <a:ext uri="{FF2B5EF4-FFF2-40B4-BE49-F238E27FC236}">
                <a16:creationId xmlns:a16="http://schemas.microsoft.com/office/drawing/2014/main" id="{00A1878E-5869-4C48-8D1E-C88957B62EE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5435" r="9410" b="-1"/>
          <a:stretch/>
        </p:blipFill>
        <p:spPr>
          <a:xfrm>
            <a:off x="6525453" y="10"/>
            <a:ext cx="5666547" cy="68579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04407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>
            <a:extLst>
              <a:ext uri="{FF2B5EF4-FFF2-40B4-BE49-F238E27FC236}">
                <a16:creationId xmlns:a16="http://schemas.microsoft.com/office/drawing/2014/main" id="{5A0118C5-4F8D-4CF4-BADD-53FEACC6C42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4E0A5C5C-2A95-428E-9F6A-0D29EBD57C9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88395" y="1040837"/>
            <a:ext cx="4754948" cy="4754948"/>
          </a:xfrm>
          <a:prstGeom prst="ellipse">
            <a:avLst/>
          </a:prstGeom>
          <a:solidFill>
            <a:srgbClr val="FFFFFF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1056F38F-7C4E-461D-8709-7D0024AE1F7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79411" y="1029607"/>
            <a:ext cx="4754948" cy="4754948"/>
          </a:xfrm>
          <a:prstGeom prst="ellipse">
            <a:avLst/>
          </a:prstGeom>
          <a:solidFill>
            <a:schemeClr val="accent6">
              <a:alpha val="30000"/>
            </a:schemeClr>
          </a:solidFill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C7278469-3C3C-49CE-AEEE-E176A4900B7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39960" y="934855"/>
            <a:ext cx="4754948" cy="4754948"/>
          </a:xfrm>
          <a:prstGeom prst="ellipse">
            <a:avLst/>
          </a:prstGeom>
          <a:solidFill>
            <a:schemeClr val="tx1"/>
          </a:solidFill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FD229DCA-1F40-4B53-94B0-0CCF9752B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02368" y="1877492"/>
            <a:ext cx="4030132" cy="3215373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700" b="0" i="0" kern="1200" dirty="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Robinson, V. (2011). </a:t>
            </a:r>
            <a:r>
              <a:rPr lang="en-US" sz="3700" b="0" i="1" kern="1200" dirty="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Student-Centered Leadership</a:t>
            </a:r>
            <a:r>
              <a:rPr lang="en-US" sz="3700" b="0" i="0" kern="1200" dirty="0">
                <a:solidFill>
                  <a:schemeClr val="bg1"/>
                </a:solidFill>
                <a:effectLst/>
                <a:latin typeface="+mj-lt"/>
                <a:ea typeface="+mj-ea"/>
                <a:cs typeface="+mj-cs"/>
              </a:rPr>
              <a:t>. Hoboken, NJ: Jossey-Bass</a:t>
            </a:r>
            <a:endParaRPr lang="en-US" sz="3700" kern="12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  <p:grpSp>
        <p:nvGrpSpPr>
          <p:cNvPr id="40" name="Group 39">
            <a:extLst>
              <a:ext uri="{FF2B5EF4-FFF2-40B4-BE49-F238E27FC236}">
                <a16:creationId xmlns:a16="http://schemas.microsoft.com/office/drawing/2014/main" id="{93DC754C-7E09-422D-A8BB-AF632E90DFA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0" y="377893"/>
            <a:ext cx="1861854" cy="717514"/>
            <a:chOff x="0" y="377893"/>
            <a:chExt cx="1861854" cy="717514"/>
          </a:xfrm>
          <a:solidFill>
            <a:schemeClr val="bg1"/>
          </a:solidFill>
        </p:grpSpPr>
        <p:sp>
          <p:nvSpPr>
            <p:cNvPr id="41" name="Freeform: Shape 40">
              <a:extLst>
                <a:ext uri="{FF2B5EF4-FFF2-40B4-BE49-F238E27FC236}">
                  <a16:creationId xmlns:a16="http://schemas.microsoft.com/office/drawing/2014/main" id="{C5A741B9-65EC-4C5B-9FE0-4A18575771A6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0" y="377893"/>
              <a:ext cx="1861854" cy="277779"/>
            </a:xfrm>
            <a:custGeom>
              <a:avLst/>
              <a:gdLst>
                <a:gd name="connsiteX0" fmla="*/ 180458 w 1861854"/>
                <a:gd name="connsiteY0" fmla="*/ 0 h 277779"/>
                <a:gd name="connsiteX1" fmla="*/ 419222 w 1861854"/>
                <a:gd name="connsiteY1" fmla="*/ 238761 h 277779"/>
                <a:gd name="connsiteX2" fmla="*/ 657984 w 1861854"/>
                <a:gd name="connsiteY2" fmla="*/ 0 h 277779"/>
                <a:gd name="connsiteX3" fmla="*/ 896745 w 1861854"/>
                <a:gd name="connsiteY3" fmla="*/ 238761 h 277779"/>
                <a:gd name="connsiteX4" fmla="*/ 1135754 w 1861854"/>
                <a:gd name="connsiteY4" fmla="*/ 0 h 277779"/>
                <a:gd name="connsiteX5" fmla="*/ 1374516 w 1861854"/>
                <a:gd name="connsiteY5" fmla="*/ 238761 h 277779"/>
                <a:gd name="connsiteX6" fmla="*/ 1613277 w 1861854"/>
                <a:gd name="connsiteY6" fmla="*/ 0 h 277779"/>
                <a:gd name="connsiteX7" fmla="*/ 1861854 w 1861854"/>
                <a:gd name="connsiteY7" fmla="*/ 248577 h 277779"/>
                <a:gd name="connsiteX8" fmla="*/ 1842470 w 1861854"/>
                <a:gd name="connsiteY8" fmla="*/ 267963 h 277779"/>
                <a:gd name="connsiteX9" fmla="*/ 1613277 w 1861854"/>
                <a:gd name="connsiteY9" fmla="*/ 39017 h 277779"/>
                <a:gd name="connsiteX10" fmla="*/ 1374516 w 1861854"/>
                <a:gd name="connsiteY10" fmla="*/ 277779 h 277779"/>
                <a:gd name="connsiteX11" fmla="*/ 1135754 w 1861854"/>
                <a:gd name="connsiteY11" fmla="*/ 39017 h 277779"/>
                <a:gd name="connsiteX12" fmla="*/ 896745 w 1861854"/>
                <a:gd name="connsiteY12" fmla="*/ 277779 h 277779"/>
                <a:gd name="connsiteX13" fmla="*/ 657984 w 1861854"/>
                <a:gd name="connsiteY13" fmla="*/ 39017 h 277779"/>
                <a:gd name="connsiteX14" fmla="*/ 419222 w 1861854"/>
                <a:gd name="connsiteY14" fmla="*/ 277779 h 277779"/>
                <a:gd name="connsiteX15" fmla="*/ 180458 w 1861854"/>
                <a:gd name="connsiteY15" fmla="*/ 39017 h 277779"/>
                <a:gd name="connsiteX16" fmla="*/ 0 w 1861854"/>
                <a:gd name="connsiteY16" fmla="*/ 219283 h 277779"/>
                <a:gd name="connsiteX17" fmla="*/ 0 w 1861854"/>
                <a:gd name="connsiteY17" fmla="*/ 180458 h 2777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861854" h="277779">
                  <a:moveTo>
                    <a:pt x="180458" y="0"/>
                  </a:moveTo>
                  <a:lnTo>
                    <a:pt x="419222" y="238761"/>
                  </a:lnTo>
                  <a:lnTo>
                    <a:pt x="657984" y="0"/>
                  </a:lnTo>
                  <a:lnTo>
                    <a:pt x="896745" y="238761"/>
                  </a:lnTo>
                  <a:lnTo>
                    <a:pt x="1135754" y="0"/>
                  </a:lnTo>
                  <a:lnTo>
                    <a:pt x="1374516" y="238761"/>
                  </a:lnTo>
                  <a:lnTo>
                    <a:pt x="1613277" y="0"/>
                  </a:lnTo>
                  <a:lnTo>
                    <a:pt x="1861854" y="248577"/>
                  </a:lnTo>
                  <a:lnTo>
                    <a:pt x="1842470" y="267963"/>
                  </a:lnTo>
                  <a:lnTo>
                    <a:pt x="1613277" y="39017"/>
                  </a:lnTo>
                  <a:lnTo>
                    <a:pt x="1374516" y="277779"/>
                  </a:lnTo>
                  <a:lnTo>
                    <a:pt x="1135754" y="39017"/>
                  </a:lnTo>
                  <a:lnTo>
                    <a:pt x="896745" y="277779"/>
                  </a:lnTo>
                  <a:lnTo>
                    <a:pt x="657984" y="39017"/>
                  </a:lnTo>
                  <a:lnTo>
                    <a:pt x="419222" y="277779"/>
                  </a:lnTo>
                  <a:lnTo>
                    <a:pt x="180458" y="39017"/>
                  </a:lnTo>
                  <a:lnTo>
                    <a:pt x="0" y="219283"/>
                  </a:lnTo>
                  <a:lnTo>
                    <a:pt x="0" y="18045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wrap="square" rtlCol="0" anchor="ctr">
              <a:noAutofit/>
            </a:bodyPr>
            <a:lstStyle/>
            <a:p>
              <a:endParaRPr lang="en-US"/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C0BB4301-41FA-4453-956F-A11CC664B68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0" y="817628"/>
              <a:ext cx="1861854" cy="277779"/>
            </a:xfrm>
            <a:custGeom>
              <a:avLst/>
              <a:gdLst>
                <a:gd name="connsiteX0" fmla="*/ 180458 w 1861854"/>
                <a:gd name="connsiteY0" fmla="*/ 0 h 277779"/>
                <a:gd name="connsiteX1" fmla="*/ 419222 w 1861854"/>
                <a:gd name="connsiteY1" fmla="*/ 238761 h 277779"/>
                <a:gd name="connsiteX2" fmla="*/ 657984 w 1861854"/>
                <a:gd name="connsiteY2" fmla="*/ 0 h 277779"/>
                <a:gd name="connsiteX3" fmla="*/ 896745 w 1861854"/>
                <a:gd name="connsiteY3" fmla="*/ 238761 h 277779"/>
                <a:gd name="connsiteX4" fmla="*/ 1135754 w 1861854"/>
                <a:gd name="connsiteY4" fmla="*/ 0 h 277779"/>
                <a:gd name="connsiteX5" fmla="*/ 1374516 w 1861854"/>
                <a:gd name="connsiteY5" fmla="*/ 238761 h 277779"/>
                <a:gd name="connsiteX6" fmla="*/ 1613277 w 1861854"/>
                <a:gd name="connsiteY6" fmla="*/ 0 h 277779"/>
                <a:gd name="connsiteX7" fmla="*/ 1861854 w 1861854"/>
                <a:gd name="connsiteY7" fmla="*/ 248577 h 277779"/>
                <a:gd name="connsiteX8" fmla="*/ 1842470 w 1861854"/>
                <a:gd name="connsiteY8" fmla="*/ 268208 h 277779"/>
                <a:gd name="connsiteX9" fmla="*/ 1613277 w 1861854"/>
                <a:gd name="connsiteY9" fmla="*/ 39017 h 277779"/>
                <a:gd name="connsiteX10" fmla="*/ 1374516 w 1861854"/>
                <a:gd name="connsiteY10" fmla="*/ 277779 h 277779"/>
                <a:gd name="connsiteX11" fmla="*/ 1135754 w 1861854"/>
                <a:gd name="connsiteY11" fmla="*/ 39017 h 277779"/>
                <a:gd name="connsiteX12" fmla="*/ 896745 w 1861854"/>
                <a:gd name="connsiteY12" fmla="*/ 277779 h 277779"/>
                <a:gd name="connsiteX13" fmla="*/ 657984 w 1861854"/>
                <a:gd name="connsiteY13" fmla="*/ 39017 h 277779"/>
                <a:gd name="connsiteX14" fmla="*/ 419222 w 1861854"/>
                <a:gd name="connsiteY14" fmla="*/ 277779 h 277779"/>
                <a:gd name="connsiteX15" fmla="*/ 180458 w 1861854"/>
                <a:gd name="connsiteY15" fmla="*/ 39017 h 277779"/>
                <a:gd name="connsiteX16" fmla="*/ 0 w 1861854"/>
                <a:gd name="connsiteY16" fmla="*/ 219475 h 277779"/>
                <a:gd name="connsiteX17" fmla="*/ 0 w 1861854"/>
                <a:gd name="connsiteY17" fmla="*/ 180458 h 2777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861854" h="277779">
                  <a:moveTo>
                    <a:pt x="180458" y="0"/>
                  </a:moveTo>
                  <a:lnTo>
                    <a:pt x="419222" y="238761"/>
                  </a:lnTo>
                  <a:lnTo>
                    <a:pt x="657984" y="0"/>
                  </a:lnTo>
                  <a:lnTo>
                    <a:pt x="896745" y="238761"/>
                  </a:lnTo>
                  <a:lnTo>
                    <a:pt x="1135754" y="0"/>
                  </a:lnTo>
                  <a:lnTo>
                    <a:pt x="1374516" y="238761"/>
                  </a:lnTo>
                  <a:lnTo>
                    <a:pt x="1613277" y="0"/>
                  </a:lnTo>
                  <a:lnTo>
                    <a:pt x="1861854" y="248577"/>
                  </a:lnTo>
                  <a:lnTo>
                    <a:pt x="1842470" y="268208"/>
                  </a:lnTo>
                  <a:lnTo>
                    <a:pt x="1613277" y="39017"/>
                  </a:lnTo>
                  <a:lnTo>
                    <a:pt x="1374516" y="277779"/>
                  </a:lnTo>
                  <a:lnTo>
                    <a:pt x="1135754" y="39017"/>
                  </a:lnTo>
                  <a:lnTo>
                    <a:pt x="896745" y="277779"/>
                  </a:lnTo>
                  <a:lnTo>
                    <a:pt x="657984" y="39017"/>
                  </a:lnTo>
                  <a:lnTo>
                    <a:pt x="419222" y="277779"/>
                  </a:lnTo>
                  <a:lnTo>
                    <a:pt x="180458" y="39017"/>
                  </a:lnTo>
                  <a:lnTo>
                    <a:pt x="0" y="219475"/>
                  </a:lnTo>
                  <a:lnTo>
                    <a:pt x="0" y="180458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wrap="square" rtlCol="0" anchor="ctr">
              <a:noAutofit/>
            </a:bodyPr>
            <a:lstStyle/>
            <a:p>
              <a:endParaRPr lang="en-US" dirty="0"/>
            </a:p>
          </p:txBody>
        </p:sp>
      </p:grpSp>
      <p:sp>
        <p:nvSpPr>
          <p:cNvPr id="44" name="Graphic 212">
            <a:extLst>
              <a:ext uri="{FF2B5EF4-FFF2-40B4-BE49-F238E27FC236}">
                <a16:creationId xmlns:a16="http://schemas.microsoft.com/office/drawing/2014/main" id="{4C6598AB-1C17-4D54-951C-A082D94ACB7A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88524" y="457812"/>
            <a:ext cx="914565" cy="914565"/>
          </a:xfrm>
          <a:custGeom>
            <a:avLst/>
            <a:gdLst>
              <a:gd name="connsiteX0" fmla="*/ 403574 w 807148"/>
              <a:gd name="connsiteY0" fmla="*/ 0 h 807148"/>
              <a:gd name="connsiteX1" fmla="*/ 0 w 807148"/>
              <a:gd name="connsiteY1" fmla="*/ 403574 h 807148"/>
              <a:gd name="connsiteX2" fmla="*/ 403574 w 807148"/>
              <a:gd name="connsiteY2" fmla="*/ 807149 h 807148"/>
              <a:gd name="connsiteX3" fmla="*/ 807149 w 807148"/>
              <a:gd name="connsiteY3" fmla="*/ 403574 h 807148"/>
              <a:gd name="connsiteX4" fmla="*/ 403574 w 807148"/>
              <a:gd name="connsiteY4" fmla="*/ 0 h 807148"/>
              <a:gd name="connsiteX5" fmla="*/ 403574 w 807148"/>
              <a:gd name="connsiteY5" fmla="*/ 667988 h 807148"/>
              <a:gd name="connsiteX6" fmla="*/ 139160 w 807148"/>
              <a:gd name="connsiteY6" fmla="*/ 403574 h 807148"/>
              <a:gd name="connsiteX7" fmla="*/ 403574 w 807148"/>
              <a:gd name="connsiteY7" fmla="*/ 139160 h 807148"/>
              <a:gd name="connsiteX8" fmla="*/ 667988 w 807148"/>
              <a:gd name="connsiteY8" fmla="*/ 403574 h 807148"/>
              <a:gd name="connsiteX9" fmla="*/ 403574 w 807148"/>
              <a:gd name="connsiteY9" fmla="*/ 667988 h 8071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807148" h="807148">
                <a:moveTo>
                  <a:pt x="403574" y="0"/>
                </a:moveTo>
                <a:cubicBezTo>
                  <a:pt x="180689" y="0"/>
                  <a:pt x="0" y="180689"/>
                  <a:pt x="0" y="403574"/>
                </a:cubicBezTo>
                <a:cubicBezTo>
                  <a:pt x="0" y="626459"/>
                  <a:pt x="180689" y="807149"/>
                  <a:pt x="403574" y="807149"/>
                </a:cubicBezTo>
                <a:cubicBezTo>
                  <a:pt x="626459" y="807149"/>
                  <a:pt x="807149" y="626459"/>
                  <a:pt x="807149" y="403574"/>
                </a:cubicBezTo>
                <a:cubicBezTo>
                  <a:pt x="807149" y="180689"/>
                  <a:pt x="626459" y="0"/>
                  <a:pt x="403574" y="0"/>
                </a:cubicBezTo>
                <a:close/>
                <a:moveTo>
                  <a:pt x="403574" y="667988"/>
                </a:moveTo>
                <a:cubicBezTo>
                  <a:pt x="257556" y="667988"/>
                  <a:pt x="139160" y="549593"/>
                  <a:pt x="139160" y="403574"/>
                </a:cubicBezTo>
                <a:cubicBezTo>
                  <a:pt x="139160" y="257556"/>
                  <a:pt x="257556" y="139160"/>
                  <a:pt x="403574" y="139160"/>
                </a:cubicBezTo>
                <a:cubicBezTo>
                  <a:pt x="549593" y="139160"/>
                  <a:pt x="667988" y="257556"/>
                  <a:pt x="667988" y="403574"/>
                </a:cubicBezTo>
                <a:cubicBezTo>
                  <a:pt x="667988" y="549593"/>
                  <a:pt x="549593" y="667988"/>
                  <a:pt x="403574" y="667988"/>
                </a:cubicBezTo>
                <a:close/>
              </a:path>
            </a:pathLst>
          </a:custGeom>
          <a:solidFill>
            <a:srgbClr val="FFFFFF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chemeClr val="lt1"/>
              </a:solidFill>
            </a:endParaRPr>
          </a:p>
        </p:txBody>
      </p:sp>
      <p:sp>
        <p:nvSpPr>
          <p:cNvPr id="46" name="Graphic 212">
            <a:extLst>
              <a:ext uri="{FF2B5EF4-FFF2-40B4-BE49-F238E27FC236}">
                <a16:creationId xmlns:a16="http://schemas.microsoft.com/office/drawing/2014/main" id="{C83B66D7-137D-4AC1-B172-53D60F08BE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588524" y="457812"/>
            <a:ext cx="914565" cy="914565"/>
          </a:xfrm>
          <a:custGeom>
            <a:avLst/>
            <a:gdLst>
              <a:gd name="connsiteX0" fmla="*/ 403574 w 807148"/>
              <a:gd name="connsiteY0" fmla="*/ 0 h 807148"/>
              <a:gd name="connsiteX1" fmla="*/ 0 w 807148"/>
              <a:gd name="connsiteY1" fmla="*/ 403574 h 807148"/>
              <a:gd name="connsiteX2" fmla="*/ 403574 w 807148"/>
              <a:gd name="connsiteY2" fmla="*/ 807149 h 807148"/>
              <a:gd name="connsiteX3" fmla="*/ 807149 w 807148"/>
              <a:gd name="connsiteY3" fmla="*/ 403574 h 807148"/>
              <a:gd name="connsiteX4" fmla="*/ 403574 w 807148"/>
              <a:gd name="connsiteY4" fmla="*/ 0 h 807148"/>
              <a:gd name="connsiteX5" fmla="*/ 403574 w 807148"/>
              <a:gd name="connsiteY5" fmla="*/ 667988 h 807148"/>
              <a:gd name="connsiteX6" fmla="*/ 139160 w 807148"/>
              <a:gd name="connsiteY6" fmla="*/ 403574 h 807148"/>
              <a:gd name="connsiteX7" fmla="*/ 403574 w 807148"/>
              <a:gd name="connsiteY7" fmla="*/ 139160 h 807148"/>
              <a:gd name="connsiteX8" fmla="*/ 667988 w 807148"/>
              <a:gd name="connsiteY8" fmla="*/ 403574 h 807148"/>
              <a:gd name="connsiteX9" fmla="*/ 403574 w 807148"/>
              <a:gd name="connsiteY9" fmla="*/ 667988 h 8071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807148" h="807148">
                <a:moveTo>
                  <a:pt x="403574" y="0"/>
                </a:moveTo>
                <a:cubicBezTo>
                  <a:pt x="180689" y="0"/>
                  <a:pt x="0" y="180689"/>
                  <a:pt x="0" y="403574"/>
                </a:cubicBezTo>
                <a:cubicBezTo>
                  <a:pt x="0" y="626459"/>
                  <a:pt x="180689" y="807149"/>
                  <a:pt x="403574" y="807149"/>
                </a:cubicBezTo>
                <a:cubicBezTo>
                  <a:pt x="626459" y="807149"/>
                  <a:pt x="807149" y="626459"/>
                  <a:pt x="807149" y="403574"/>
                </a:cubicBezTo>
                <a:cubicBezTo>
                  <a:pt x="807149" y="180689"/>
                  <a:pt x="626459" y="0"/>
                  <a:pt x="403574" y="0"/>
                </a:cubicBezTo>
                <a:close/>
                <a:moveTo>
                  <a:pt x="403574" y="667988"/>
                </a:moveTo>
                <a:cubicBezTo>
                  <a:pt x="257556" y="667988"/>
                  <a:pt x="139160" y="549593"/>
                  <a:pt x="139160" y="403574"/>
                </a:cubicBezTo>
                <a:cubicBezTo>
                  <a:pt x="139160" y="257556"/>
                  <a:pt x="257556" y="139160"/>
                  <a:pt x="403574" y="139160"/>
                </a:cubicBezTo>
                <a:cubicBezTo>
                  <a:pt x="549593" y="139160"/>
                  <a:pt x="667988" y="257556"/>
                  <a:pt x="667988" y="403574"/>
                </a:cubicBezTo>
                <a:cubicBezTo>
                  <a:pt x="667988" y="549593"/>
                  <a:pt x="549593" y="667988"/>
                  <a:pt x="403574" y="667988"/>
                </a:cubicBezTo>
                <a:close/>
              </a:path>
            </a:pathLst>
          </a:custGeom>
          <a:solidFill>
            <a:schemeClr val="accent2">
              <a:alpha val="30000"/>
            </a:schemeClr>
          </a:solidFill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>
              <a:solidFill>
                <a:schemeClr val="lt1"/>
              </a:solidFill>
            </a:endParaRPr>
          </a:p>
        </p:txBody>
      </p:sp>
      <p:sp>
        <p:nvSpPr>
          <p:cNvPr id="48" name="Oval 47">
            <a:extLst>
              <a:ext uri="{FF2B5EF4-FFF2-40B4-BE49-F238E27FC236}">
                <a16:creationId xmlns:a16="http://schemas.microsoft.com/office/drawing/2014/main" id="{F6B92503-6984-4D15-8B98-8718709B785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2976" y="4946663"/>
            <a:ext cx="319941" cy="319941"/>
          </a:xfrm>
          <a:prstGeom prst="ellipse">
            <a:avLst/>
          </a:prstGeom>
          <a:solidFill>
            <a:srgbClr val="FFFFFF"/>
          </a:solidFill>
          <a:ln w="285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50" name="Oval 49">
            <a:extLst>
              <a:ext uri="{FF2B5EF4-FFF2-40B4-BE49-F238E27FC236}">
                <a16:creationId xmlns:a16="http://schemas.microsoft.com/office/drawing/2014/main" id="{08DDF938-524E-4C18-A47D-C0062783236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642976" y="4946663"/>
            <a:ext cx="319941" cy="319941"/>
          </a:xfrm>
          <a:prstGeom prst="ellipse">
            <a:avLst/>
          </a:prstGeom>
          <a:solidFill>
            <a:schemeClr val="accent2">
              <a:alpha val="30000"/>
            </a:schemeClr>
          </a:solidFill>
          <a:ln w="285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FE7815AA-D33F-4720-BCD4-97144BDD742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234868" y="1130846"/>
            <a:ext cx="5217173" cy="4351338"/>
          </a:xfrm>
        </p:spPr>
        <p:txBody>
          <a:bodyPr vert="horz" lIns="91440" tIns="45720" rIns="91440" bIns="45720" rtlCol="0">
            <a:normAutofit/>
          </a:bodyPr>
          <a:lstStyle/>
          <a:p>
            <a:pPr marL="0" indent="0">
              <a:buNone/>
            </a:pPr>
            <a:r>
              <a:rPr lang="en-US" b="1" dirty="0">
                <a:solidFill>
                  <a:schemeClr val="bg1"/>
                </a:solidFill>
              </a:rPr>
              <a:t>Viviane Robinsons </a:t>
            </a:r>
            <a:r>
              <a:rPr lang="en-US" b="1" dirty="0" err="1">
                <a:solidFill>
                  <a:schemeClr val="bg1"/>
                </a:solidFill>
              </a:rPr>
              <a:t>forskning</a:t>
            </a:r>
            <a:r>
              <a:rPr lang="en-US" b="1" dirty="0">
                <a:solidFill>
                  <a:schemeClr val="bg1"/>
                </a:solidFill>
              </a:rPr>
              <a:t> er der </a:t>
            </a:r>
            <a:r>
              <a:rPr lang="en-US" b="1" dirty="0" err="1">
                <a:solidFill>
                  <a:schemeClr val="bg1"/>
                </a:solidFill>
              </a:rPr>
              <a:t>kommet</a:t>
            </a:r>
            <a:r>
              <a:rPr lang="en-US" b="1" dirty="0">
                <a:solidFill>
                  <a:schemeClr val="bg1"/>
                </a:solidFill>
              </a:rPr>
              <a:t> et </a:t>
            </a:r>
            <a:r>
              <a:rPr lang="en-US" b="1" dirty="0" err="1">
                <a:solidFill>
                  <a:schemeClr val="bg1"/>
                </a:solidFill>
              </a:rPr>
              <a:t>øget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fokus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på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forbindelsen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mellem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ledelse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og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effekter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på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elevernes</a:t>
            </a:r>
            <a:r>
              <a:rPr lang="en-US" b="1" u="sng" dirty="0">
                <a:solidFill>
                  <a:schemeClr val="bg1"/>
                </a:solidFill>
              </a:rPr>
              <a:t> </a:t>
            </a:r>
            <a:r>
              <a:rPr lang="en-US" b="1" u="sng" dirty="0" err="1">
                <a:solidFill>
                  <a:schemeClr val="bg1"/>
                </a:solidFill>
              </a:rPr>
              <a:t>lærin</a:t>
            </a:r>
            <a:r>
              <a:rPr lang="en-US" b="1" dirty="0" err="1">
                <a:solidFill>
                  <a:schemeClr val="bg1"/>
                </a:solidFill>
              </a:rPr>
              <a:t>g</a:t>
            </a:r>
            <a:r>
              <a:rPr lang="en-US" b="1" dirty="0">
                <a:solidFill>
                  <a:schemeClr val="bg1"/>
                </a:solidFill>
              </a:rPr>
              <a:t>, </a:t>
            </a:r>
            <a:r>
              <a:rPr lang="en-US" b="1" dirty="0" err="1">
                <a:solidFill>
                  <a:schemeClr val="bg1"/>
                </a:solidFill>
              </a:rPr>
              <a:t>og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hun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opstiller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konkret</a:t>
            </a:r>
            <a:r>
              <a:rPr lang="en-US" b="1" dirty="0">
                <a:solidFill>
                  <a:schemeClr val="bg1"/>
                </a:solidFill>
              </a:rPr>
              <a:t> fem </a:t>
            </a:r>
            <a:r>
              <a:rPr lang="en-US" b="1" dirty="0" err="1">
                <a:solidFill>
                  <a:schemeClr val="bg1"/>
                </a:solidFill>
              </a:rPr>
              <a:t>dimensioner</a:t>
            </a:r>
            <a:r>
              <a:rPr lang="en-US" b="1" dirty="0">
                <a:solidFill>
                  <a:schemeClr val="bg1"/>
                </a:solidFill>
              </a:rPr>
              <a:t> for, </a:t>
            </a:r>
            <a:r>
              <a:rPr lang="en-US" b="1" dirty="0" err="1">
                <a:solidFill>
                  <a:schemeClr val="bg1"/>
                </a:solidFill>
              </a:rPr>
              <a:t>hvad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ledelse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skal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fokusere</a:t>
            </a:r>
            <a:r>
              <a:rPr lang="en-US" b="1" dirty="0">
                <a:solidFill>
                  <a:schemeClr val="bg1"/>
                </a:solidFill>
              </a:rPr>
              <a:t> </a:t>
            </a:r>
            <a:r>
              <a:rPr lang="en-US" b="1" dirty="0" err="1">
                <a:solidFill>
                  <a:schemeClr val="bg1"/>
                </a:solidFill>
              </a:rPr>
              <a:t>på</a:t>
            </a:r>
            <a:r>
              <a:rPr lang="en-US" b="1" dirty="0">
                <a:solidFill>
                  <a:schemeClr val="bg1"/>
                </a:solidFill>
              </a:rPr>
              <a:t> (Robinson, 2011).</a:t>
            </a:r>
          </a:p>
        </p:txBody>
      </p:sp>
      <p:grpSp>
        <p:nvGrpSpPr>
          <p:cNvPr id="52" name="Graphic 185">
            <a:extLst>
              <a:ext uri="{FF2B5EF4-FFF2-40B4-BE49-F238E27FC236}">
                <a16:creationId xmlns:a16="http://schemas.microsoft.com/office/drawing/2014/main" id="{3773FAF5-C452-4455-9411-D6AF5EBD4CA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9812239" y="6139464"/>
            <a:ext cx="1054466" cy="469689"/>
            <a:chOff x="9841624" y="4115729"/>
            <a:chExt cx="602169" cy="268223"/>
          </a:xfrm>
          <a:solidFill>
            <a:schemeClr val="bg1"/>
          </a:solidFill>
        </p:grpSpPr>
        <p:sp>
          <p:nvSpPr>
            <p:cNvPr id="53" name="Freeform: Shape 52">
              <a:extLst>
                <a:ext uri="{FF2B5EF4-FFF2-40B4-BE49-F238E27FC236}">
                  <a16:creationId xmlns:a16="http://schemas.microsoft.com/office/drawing/2014/main" id="{1ECA0D96-F63C-4F7B-BE16-0F3FE76D7D6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9841624" y="4115729"/>
              <a:ext cx="202882" cy="268223"/>
            </a:xfrm>
            <a:custGeom>
              <a:avLst/>
              <a:gdLst>
                <a:gd name="connsiteX0" fmla="*/ 20765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765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74F83A81-0546-400A-918A-90C9C48B814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9941445" y="4115729"/>
              <a:ext cx="202882" cy="268223"/>
            </a:xfrm>
            <a:custGeom>
              <a:avLst/>
              <a:gdLst>
                <a:gd name="connsiteX0" fmla="*/ 20765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765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9741F692-A5B6-4215-86D9-B1FD4FF26AC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041267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CC0876CB-9C60-4580-8FED-CD64EC76645E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141090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A879B3B7-48DB-4D3A-BB33-02766EAD3D9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10240911" y="4115729"/>
              <a:ext cx="202882" cy="268223"/>
            </a:xfrm>
            <a:custGeom>
              <a:avLst/>
              <a:gdLst>
                <a:gd name="connsiteX0" fmla="*/ 20669 w 202882"/>
                <a:gd name="connsiteY0" fmla="*/ 268224 h 268223"/>
                <a:gd name="connsiteX1" fmla="*/ 0 w 202882"/>
                <a:gd name="connsiteY1" fmla="*/ 268224 h 268223"/>
                <a:gd name="connsiteX2" fmla="*/ 182118 w 202882"/>
                <a:gd name="connsiteY2" fmla="*/ 0 h 268223"/>
                <a:gd name="connsiteX3" fmla="*/ 202883 w 202882"/>
                <a:gd name="connsiteY3" fmla="*/ 0 h 26822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2882" h="268223">
                  <a:moveTo>
                    <a:pt x="20669" y="268224"/>
                  </a:moveTo>
                  <a:lnTo>
                    <a:pt x="0" y="268224"/>
                  </a:lnTo>
                  <a:lnTo>
                    <a:pt x="182118" y="0"/>
                  </a:lnTo>
                  <a:lnTo>
                    <a:pt x="202883" y="0"/>
                  </a:lnTo>
                  <a:close/>
                </a:path>
              </a:pathLst>
            </a:custGeom>
            <a:grpFill/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261563005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58" name="Rectangle 57">
            <a:extLst>
              <a:ext uri="{FF2B5EF4-FFF2-40B4-BE49-F238E27FC236}">
                <a16:creationId xmlns:a16="http://schemas.microsoft.com/office/drawing/2014/main" id="{5FEF463D-EE6B-46FF-B7C7-74B09A96C8A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60" name="Group 59">
            <a:extLst>
              <a:ext uri="{FF2B5EF4-FFF2-40B4-BE49-F238E27FC236}">
                <a16:creationId xmlns:a16="http://schemas.microsoft.com/office/drawing/2014/main" id="{11A27B3A-460C-4100-99B5-817F25979F6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827089" y="1498602"/>
            <a:ext cx="4403345" cy="3940174"/>
            <a:chOff x="827089" y="1498602"/>
            <a:chExt cx="4403345" cy="3940174"/>
          </a:xfrm>
          <a:effectLst>
            <a:outerShdw blurRad="381000" dist="152400" dir="5400000" algn="ctr" rotWithShape="0">
              <a:srgbClr val="000000">
                <a:alpha val="10000"/>
              </a:srgbClr>
            </a:outerShdw>
          </a:effectLst>
        </p:grpSpPr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35450488-7F33-43E4-B4DA-CAB50A1CC380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827089" y="1498602"/>
              <a:ext cx="4403345" cy="3940174"/>
            </a:xfrm>
            <a:custGeom>
              <a:avLst/>
              <a:gdLst>
                <a:gd name="connsiteX0" fmla="*/ 0 w 5260975"/>
                <a:gd name="connsiteY0" fmla="*/ 0 h 4707593"/>
                <a:gd name="connsiteX1" fmla="*/ 5260975 w 5260975"/>
                <a:gd name="connsiteY1" fmla="*/ 0 h 4707593"/>
                <a:gd name="connsiteX2" fmla="*/ 5260975 w 5260975"/>
                <a:gd name="connsiteY2" fmla="*/ 3296937 h 4707593"/>
                <a:gd name="connsiteX3" fmla="*/ 5260975 w 5260975"/>
                <a:gd name="connsiteY3" fmla="*/ 3518571 h 4707593"/>
                <a:gd name="connsiteX4" fmla="*/ 5226504 w 5260975"/>
                <a:gd name="connsiteY4" fmla="*/ 3534000 h 4707593"/>
                <a:gd name="connsiteX5" fmla="*/ 5206341 w 5260975"/>
                <a:gd name="connsiteY5" fmla="*/ 3542065 h 4707593"/>
                <a:gd name="connsiteX6" fmla="*/ 5123287 w 5260975"/>
                <a:gd name="connsiteY6" fmla="*/ 3594010 h 4707593"/>
                <a:gd name="connsiteX7" fmla="*/ 5048107 w 5260975"/>
                <a:gd name="connsiteY7" fmla="*/ 3658244 h 4707593"/>
                <a:gd name="connsiteX8" fmla="*/ 4992899 w 5260975"/>
                <a:gd name="connsiteY8" fmla="*/ 3734479 h 4707593"/>
                <a:gd name="connsiteX9" fmla="*/ 4977440 w 5260975"/>
                <a:gd name="connsiteY9" fmla="*/ 3752627 h 4707593"/>
                <a:gd name="connsiteX10" fmla="*/ 4935194 w 5260975"/>
                <a:gd name="connsiteY10" fmla="*/ 3775382 h 4707593"/>
                <a:gd name="connsiteX11" fmla="*/ 4897844 w 5260975"/>
                <a:gd name="connsiteY11" fmla="*/ 3792472 h 4707593"/>
                <a:gd name="connsiteX12" fmla="*/ 4870767 w 5260975"/>
                <a:gd name="connsiteY12" fmla="*/ 3811388 h 4707593"/>
                <a:gd name="connsiteX13" fmla="*/ 4847917 w 5260975"/>
                <a:gd name="connsiteY13" fmla="*/ 3828767 h 4707593"/>
                <a:gd name="connsiteX14" fmla="*/ 4796163 w 5260975"/>
                <a:gd name="connsiteY14" fmla="*/ 3873702 h 4707593"/>
                <a:gd name="connsiteX15" fmla="*/ 4738843 w 5260975"/>
                <a:gd name="connsiteY15" fmla="*/ 3911628 h 4707593"/>
                <a:gd name="connsiteX16" fmla="*/ 4692755 w 5260975"/>
                <a:gd name="connsiteY16" fmla="*/ 3958099 h 4707593"/>
                <a:gd name="connsiteX17" fmla="*/ 4673744 w 5260975"/>
                <a:gd name="connsiteY17" fmla="*/ 3983255 h 4707593"/>
                <a:gd name="connsiteX18" fmla="*/ 4633801 w 5260975"/>
                <a:gd name="connsiteY18" fmla="*/ 4000442 h 4707593"/>
                <a:gd name="connsiteX19" fmla="*/ 4590499 w 5260975"/>
                <a:gd name="connsiteY19" fmla="*/ 4027326 h 4707593"/>
                <a:gd name="connsiteX20" fmla="*/ 4559773 w 5260975"/>
                <a:gd name="connsiteY20" fmla="*/ 4054018 h 4707593"/>
                <a:gd name="connsiteX21" fmla="*/ 4536059 w 5260975"/>
                <a:gd name="connsiteY21" fmla="*/ 4071877 h 4707593"/>
                <a:gd name="connsiteX22" fmla="*/ 4502550 w 5260975"/>
                <a:gd name="connsiteY22" fmla="*/ 4089832 h 4707593"/>
                <a:gd name="connsiteX23" fmla="*/ 4468944 w 5260975"/>
                <a:gd name="connsiteY23" fmla="*/ 4113356 h 4707593"/>
                <a:gd name="connsiteX24" fmla="*/ 4452623 w 5260975"/>
                <a:gd name="connsiteY24" fmla="*/ 4127854 h 4707593"/>
                <a:gd name="connsiteX25" fmla="*/ 4421032 w 5260975"/>
                <a:gd name="connsiteY25" fmla="*/ 4151953 h 4707593"/>
                <a:gd name="connsiteX26" fmla="*/ 4388483 w 5260975"/>
                <a:gd name="connsiteY26" fmla="*/ 4174421 h 4707593"/>
                <a:gd name="connsiteX27" fmla="*/ 4327321 w 5260975"/>
                <a:gd name="connsiteY27" fmla="*/ 4200153 h 4707593"/>
                <a:gd name="connsiteX28" fmla="*/ 4271633 w 5260975"/>
                <a:gd name="connsiteY28" fmla="*/ 4237983 h 4707593"/>
                <a:gd name="connsiteX29" fmla="*/ 4227465 w 5260975"/>
                <a:gd name="connsiteY29" fmla="*/ 4265635 h 4707593"/>
                <a:gd name="connsiteX30" fmla="*/ 4201733 w 5260975"/>
                <a:gd name="connsiteY30" fmla="*/ 4283783 h 4707593"/>
                <a:gd name="connsiteX31" fmla="*/ 4154494 w 5260975"/>
                <a:gd name="connsiteY31" fmla="*/ 4324301 h 4707593"/>
                <a:gd name="connsiteX32" fmla="*/ 4081234 w 5260975"/>
                <a:gd name="connsiteY32" fmla="*/ 4366931 h 4707593"/>
                <a:gd name="connsiteX33" fmla="*/ 4036971 w 5260975"/>
                <a:gd name="connsiteY33" fmla="*/ 4389975 h 4707593"/>
                <a:gd name="connsiteX34" fmla="*/ 3941725 w 5260975"/>
                <a:gd name="connsiteY34" fmla="*/ 4424733 h 4707593"/>
                <a:gd name="connsiteX35" fmla="*/ 3910999 w 5260975"/>
                <a:gd name="connsiteY35" fmla="*/ 4437119 h 4707593"/>
                <a:gd name="connsiteX36" fmla="*/ 3875859 w 5260975"/>
                <a:gd name="connsiteY36" fmla="*/ 4445280 h 4707593"/>
                <a:gd name="connsiteX37" fmla="*/ 3819401 w 5260975"/>
                <a:gd name="connsiteY37" fmla="*/ 4464579 h 4707593"/>
                <a:gd name="connsiteX38" fmla="*/ 3709176 w 5260975"/>
                <a:gd name="connsiteY38" fmla="*/ 4497800 h 4707593"/>
                <a:gd name="connsiteX39" fmla="*/ 3684981 w 5260975"/>
                <a:gd name="connsiteY39" fmla="*/ 4502889 h 4707593"/>
                <a:gd name="connsiteX40" fmla="*/ 3623338 w 5260975"/>
                <a:gd name="connsiteY40" fmla="*/ 4524300 h 4707593"/>
                <a:gd name="connsiteX41" fmla="*/ 3586373 w 5260975"/>
                <a:gd name="connsiteY41" fmla="*/ 4538702 h 4707593"/>
                <a:gd name="connsiteX42" fmla="*/ 3555743 w 5260975"/>
                <a:gd name="connsiteY42" fmla="*/ 4546960 h 4707593"/>
                <a:gd name="connsiteX43" fmla="*/ 3528667 w 5260975"/>
                <a:gd name="connsiteY43" fmla="*/ 4550801 h 4707593"/>
                <a:gd name="connsiteX44" fmla="*/ 3457424 w 5260975"/>
                <a:gd name="connsiteY44" fmla="*/ 4569811 h 4707593"/>
                <a:gd name="connsiteX45" fmla="*/ 3429003 w 5260975"/>
                <a:gd name="connsiteY45" fmla="*/ 4577301 h 4707593"/>
                <a:gd name="connsiteX46" fmla="*/ 3355264 w 5260975"/>
                <a:gd name="connsiteY46" fmla="*/ 4603033 h 4707593"/>
                <a:gd name="connsiteX47" fmla="*/ 3292757 w 5260975"/>
                <a:gd name="connsiteY47" fmla="*/ 4620027 h 4707593"/>
                <a:gd name="connsiteX48" fmla="*/ 3266643 w 5260975"/>
                <a:gd name="connsiteY48" fmla="*/ 4628188 h 4707593"/>
                <a:gd name="connsiteX49" fmla="*/ 3206921 w 5260975"/>
                <a:gd name="connsiteY49" fmla="*/ 4641823 h 4707593"/>
                <a:gd name="connsiteX50" fmla="*/ 3173123 w 5260975"/>
                <a:gd name="connsiteY50" fmla="*/ 4651425 h 4707593"/>
                <a:gd name="connsiteX51" fmla="*/ 3090646 w 5260975"/>
                <a:gd name="connsiteY51" fmla="*/ 4662274 h 4707593"/>
                <a:gd name="connsiteX52" fmla="*/ 3005480 w 5260975"/>
                <a:gd name="connsiteY52" fmla="*/ 4672739 h 4707593"/>
                <a:gd name="connsiteX53" fmla="*/ 2958721 w 5260975"/>
                <a:gd name="connsiteY53" fmla="*/ 4676196 h 4707593"/>
                <a:gd name="connsiteX54" fmla="*/ 2917915 w 5260975"/>
                <a:gd name="connsiteY54" fmla="*/ 4681670 h 4707593"/>
                <a:gd name="connsiteX55" fmla="*/ 2882389 w 5260975"/>
                <a:gd name="connsiteY55" fmla="*/ 4685126 h 4707593"/>
                <a:gd name="connsiteX56" fmla="*/ 2825837 w 5260975"/>
                <a:gd name="connsiteY56" fmla="*/ 4692135 h 4707593"/>
                <a:gd name="connsiteX57" fmla="*/ 2802313 w 5260975"/>
                <a:gd name="connsiteY57" fmla="*/ 4693960 h 4707593"/>
                <a:gd name="connsiteX58" fmla="*/ 2746816 w 5260975"/>
                <a:gd name="connsiteY58" fmla="*/ 4693863 h 4707593"/>
                <a:gd name="connsiteX59" fmla="*/ 2727517 w 5260975"/>
                <a:gd name="connsiteY59" fmla="*/ 4692903 h 4707593"/>
                <a:gd name="connsiteX60" fmla="*/ 2690359 w 5260975"/>
                <a:gd name="connsiteY60" fmla="*/ 4680997 h 4707593"/>
                <a:gd name="connsiteX61" fmla="*/ 2685943 w 5260975"/>
                <a:gd name="connsiteY61" fmla="*/ 4680133 h 4707593"/>
                <a:gd name="connsiteX62" fmla="*/ 2661554 w 5260975"/>
                <a:gd name="connsiteY62" fmla="*/ 4675428 h 4707593"/>
                <a:gd name="connsiteX63" fmla="*/ 2648208 w 5260975"/>
                <a:gd name="connsiteY63" fmla="*/ 4673892 h 4707593"/>
                <a:gd name="connsiteX64" fmla="*/ 2597512 w 5260975"/>
                <a:gd name="connsiteY64" fmla="*/ 4664099 h 4707593"/>
                <a:gd name="connsiteX65" fmla="*/ 2568324 w 5260975"/>
                <a:gd name="connsiteY65" fmla="*/ 4659490 h 4707593"/>
                <a:gd name="connsiteX66" fmla="*/ 2544704 w 5260975"/>
                <a:gd name="connsiteY66" fmla="*/ 4660162 h 4707593"/>
                <a:gd name="connsiteX67" fmla="*/ 2503225 w 5260975"/>
                <a:gd name="connsiteY67" fmla="*/ 4661026 h 4707593"/>
                <a:gd name="connsiteX68" fmla="*/ 2489975 w 5260975"/>
                <a:gd name="connsiteY68" fmla="*/ 4663235 h 4707593"/>
                <a:gd name="connsiteX69" fmla="*/ 2430061 w 5260975"/>
                <a:gd name="connsiteY69" fmla="*/ 4656897 h 4707593"/>
                <a:gd name="connsiteX70" fmla="*/ 2395880 w 5260975"/>
                <a:gd name="connsiteY70" fmla="*/ 4656417 h 4707593"/>
                <a:gd name="connsiteX71" fmla="*/ 2357378 w 5260975"/>
                <a:gd name="connsiteY71" fmla="*/ 4648544 h 4707593"/>
                <a:gd name="connsiteX72" fmla="*/ 2346145 w 5260975"/>
                <a:gd name="connsiteY72" fmla="*/ 4648928 h 4707593"/>
                <a:gd name="connsiteX73" fmla="*/ 2333567 w 5260975"/>
                <a:gd name="connsiteY73" fmla="*/ 4649600 h 4707593"/>
                <a:gd name="connsiteX74" fmla="*/ 2294968 w 5260975"/>
                <a:gd name="connsiteY74" fmla="*/ 4650177 h 4707593"/>
                <a:gd name="connsiteX75" fmla="*/ 2271540 w 5260975"/>
                <a:gd name="connsiteY75" fmla="*/ 4653057 h 4707593"/>
                <a:gd name="connsiteX76" fmla="*/ 2226895 w 5260975"/>
                <a:gd name="connsiteY76" fmla="*/ 4651329 h 4707593"/>
                <a:gd name="connsiteX77" fmla="*/ 2210379 w 5260975"/>
                <a:gd name="connsiteY77" fmla="*/ 4653825 h 4707593"/>
                <a:gd name="connsiteX78" fmla="*/ 2168613 w 5260975"/>
                <a:gd name="connsiteY78" fmla="*/ 4654113 h 4707593"/>
                <a:gd name="connsiteX79" fmla="*/ 2131167 w 5260975"/>
                <a:gd name="connsiteY79" fmla="*/ 4652673 h 4707593"/>
                <a:gd name="connsiteX80" fmla="*/ 2095065 w 5260975"/>
                <a:gd name="connsiteY80" fmla="*/ 4653441 h 4707593"/>
                <a:gd name="connsiteX81" fmla="*/ 2069237 w 5260975"/>
                <a:gd name="connsiteY81" fmla="*/ 4656609 h 4707593"/>
                <a:gd name="connsiteX82" fmla="*/ 2041201 w 5260975"/>
                <a:gd name="connsiteY82" fmla="*/ 4658529 h 4707593"/>
                <a:gd name="connsiteX83" fmla="*/ 1963909 w 5260975"/>
                <a:gd name="connsiteY83" fmla="*/ 4669955 h 4707593"/>
                <a:gd name="connsiteX84" fmla="*/ 1949603 w 5260975"/>
                <a:gd name="connsiteY84" fmla="*/ 4667171 h 4707593"/>
                <a:gd name="connsiteX85" fmla="*/ 1868373 w 5260975"/>
                <a:gd name="connsiteY85" fmla="*/ 4664578 h 4707593"/>
                <a:gd name="connsiteX86" fmla="*/ 1850707 w 5260975"/>
                <a:gd name="connsiteY86" fmla="*/ 4664771 h 4707593"/>
                <a:gd name="connsiteX87" fmla="*/ 1803275 w 5260975"/>
                <a:gd name="connsiteY87" fmla="*/ 4653441 h 4707593"/>
                <a:gd name="connsiteX88" fmla="*/ 1730112 w 5260975"/>
                <a:gd name="connsiteY88" fmla="*/ 4671396 h 4707593"/>
                <a:gd name="connsiteX89" fmla="*/ 1661652 w 5260975"/>
                <a:gd name="connsiteY89" fmla="*/ 4693863 h 4707593"/>
                <a:gd name="connsiteX90" fmla="*/ 1653011 w 5260975"/>
                <a:gd name="connsiteY90" fmla="*/ 4696744 h 4707593"/>
                <a:gd name="connsiteX91" fmla="*/ 1628431 w 5260975"/>
                <a:gd name="connsiteY91" fmla="*/ 4701641 h 4707593"/>
                <a:gd name="connsiteX92" fmla="*/ 1597995 w 5260975"/>
                <a:gd name="connsiteY92" fmla="*/ 4703369 h 4707593"/>
                <a:gd name="connsiteX93" fmla="*/ 1559396 w 5260975"/>
                <a:gd name="connsiteY93" fmla="*/ 4707593 h 4707593"/>
                <a:gd name="connsiteX94" fmla="*/ 1528480 w 5260975"/>
                <a:gd name="connsiteY94" fmla="*/ 4702312 h 4707593"/>
                <a:gd name="connsiteX95" fmla="*/ 1485272 w 5260975"/>
                <a:gd name="connsiteY95" fmla="*/ 4694439 h 4707593"/>
                <a:gd name="connsiteX96" fmla="*/ 1444562 w 5260975"/>
                <a:gd name="connsiteY96" fmla="*/ 4686950 h 4707593"/>
                <a:gd name="connsiteX97" fmla="*/ 1431696 w 5260975"/>
                <a:gd name="connsiteY97" fmla="*/ 4695783 h 4707593"/>
                <a:gd name="connsiteX98" fmla="*/ 1411821 w 5260975"/>
                <a:gd name="connsiteY98" fmla="*/ 4703464 h 4707593"/>
                <a:gd name="connsiteX99" fmla="*/ 1389738 w 5260975"/>
                <a:gd name="connsiteY99" fmla="*/ 4694247 h 4707593"/>
                <a:gd name="connsiteX100" fmla="*/ 1338081 w 5260975"/>
                <a:gd name="connsiteY100" fmla="*/ 4675141 h 4707593"/>
                <a:gd name="connsiteX101" fmla="*/ 1305436 w 5260975"/>
                <a:gd name="connsiteY101" fmla="*/ 4674276 h 4707593"/>
                <a:gd name="connsiteX102" fmla="*/ 1234481 w 5260975"/>
                <a:gd name="connsiteY102" fmla="*/ 4666115 h 4707593"/>
                <a:gd name="connsiteX103" fmla="*/ 1188106 w 5260975"/>
                <a:gd name="connsiteY103" fmla="*/ 4654497 h 4707593"/>
                <a:gd name="connsiteX104" fmla="*/ 1154790 w 5260975"/>
                <a:gd name="connsiteY104" fmla="*/ 4641343 h 4707593"/>
                <a:gd name="connsiteX105" fmla="*/ 1107069 w 5260975"/>
                <a:gd name="connsiteY105" fmla="*/ 4624156 h 4707593"/>
                <a:gd name="connsiteX106" fmla="*/ 1059158 w 5260975"/>
                <a:gd name="connsiteY106" fmla="*/ 4615227 h 4707593"/>
                <a:gd name="connsiteX107" fmla="*/ 1024496 w 5260975"/>
                <a:gd name="connsiteY107" fmla="*/ 4603993 h 4707593"/>
                <a:gd name="connsiteX108" fmla="*/ 982153 w 5260975"/>
                <a:gd name="connsiteY108" fmla="*/ 4596311 h 4707593"/>
                <a:gd name="connsiteX109" fmla="*/ 946628 w 5260975"/>
                <a:gd name="connsiteY109" fmla="*/ 4596024 h 4707593"/>
                <a:gd name="connsiteX110" fmla="*/ 890939 w 5260975"/>
                <a:gd name="connsiteY110" fmla="*/ 4597368 h 4707593"/>
                <a:gd name="connsiteX111" fmla="*/ 822769 w 5260975"/>
                <a:gd name="connsiteY111" fmla="*/ 4574133 h 4707593"/>
                <a:gd name="connsiteX112" fmla="*/ 795212 w 5260975"/>
                <a:gd name="connsiteY112" fmla="*/ 4568947 h 4707593"/>
                <a:gd name="connsiteX113" fmla="*/ 769288 w 5260975"/>
                <a:gd name="connsiteY113" fmla="*/ 4566547 h 4707593"/>
                <a:gd name="connsiteX114" fmla="*/ 714271 w 5260975"/>
                <a:gd name="connsiteY114" fmla="*/ 4551089 h 4707593"/>
                <a:gd name="connsiteX115" fmla="*/ 691900 w 5260975"/>
                <a:gd name="connsiteY115" fmla="*/ 4545999 h 4707593"/>
                <a:gd name="connsiteX116" fmla="*/ 660598 w 5260975"/>
                <a:gd name="connsiteY116" fmla="*/ 4546096 h 4707593"/>
                <a:gd name="connsiteX117" fmla="*/ 603662 w 5260975"/>
                <a:gd name="connsiteY117" fmla="*/ 4538991 h 4707593"/>
                <a:gd name="connsiteX118" fmla="*/ 546821 w 5260975"/>
                <a:gd name="connsiteY118" fmla="*/ 4518251 h 4707593"/>
                <a:gd name="connsiteX119" fmla="*/ 522721 w 5260975"/>
                <a:gd name="connsiteY119" fmla="*/ 4520267 h 4707593"/>
                <a:gd name="connsiteX120" fmla="*/ 514080 w 5260975"/>
                <a:gd name="connsiteY120" fmla="*/ 4519788 h 4707593"/>
                <a:gd name="connsiteX121" fmla="*/ 436404 w 5260975"/>
                <a:gd name="connsiteY121" fmla="*/ 4508361 h 4707593"/>
                <a:gd name="connsiteX122" fmla="*/ 428626 w 5260975"/>
                <a:gd name="connsiteY122" fmla="*/ 4507114 h 4707593"/>
                <a:gd name="connsiteX123" fmla="*/ 392141 w 5260975"/>
                <a:gd name="connsiteY123" fmla="*/ 4496936 h 4707593"/>
                <a:gd name="connsiteX124" fmla="*/ 300157 w 5260975"/>
                <a:gd name="connsiteY124" fmla="*/ 4490599 h 4707593"/>
                <a:gd name="connsiteX125" fmla="*/ 294493 w 5260975"/>
                <a:gd name="connsiteY125" fmla="*/ 4489831 h 4707593"/>
                <a:gd name="connsiteX126" fmla="*/ 263671 w 5260975"/>
                <a:gd name="connsiteY126" fmla="*/ 4494919 h 4707593"/>
                <a:gd name="connsiteX127" fmla="*/ 248406 w 5260975"/>
                <a:gd name="connsiteY127" fmla="*/ 4502121 h 4707593"/>
                <a:gd name="connsiteX128" fmla="*/ 224594 w 5260975"/>
                <a:gd name="connsiteY128" fmla="*/ 4509610 h 4707593"/>
                <a:gd name="connsiteX129" fmla="*/ 200398 w 5260975"/>
                <a:gd name="connsiteY129" fmla="*/ 4512395 h 4707593"/>
                <a:gd name="connsiteX130" fmla="*/ 159783 w 5260975"/>
                <a:gd name="connsiteY130" fmla="*/ 4501064 h 4707593"/>
                <a:gd name="connsiteX131" fmla="*/ 144997 w 5260975"/>
                <a:gd name="connsiteY131" fmla="*/ 4499912 h 4707593"/>
                <a:gd name="connsiteX132" fmla="*/ 112064 w 5260975"/>
                <a:gd name="connsiteY132" fmla="*/ 4494440 h 4707593"/>
                <a:gd name="connsiteX133" fmla="*/ 83259 w 5260975"/>
                <a:gd name="connsiteY133" fmla="*/ 4494824 h 4707593"/>
                <a:gd name="connsiteX134" fmla="*/ 60120 w 5260975"/>
                <a:gd name="connsiteY134" fmla="*/ 4503561 h 4707593"/>
                <a:gd name="connsiteX135" fmla="*/ 26514 w 5260975"/>
                <a:gd name="connsiteY135" fmla="*/ 4505289 h 4707593"/>
                <a:gd name="connsiteX136" fmla="*/ 4814 w 5260975"/>
                <a:gd name="connsiteY136" fmla="*/ 4498952 h 4707593"/>
                <a:gd name="connsiteX137" fmla="*/ 398 w 5260975"/>
                <a:gd name="connsiteY137" fmla="*/ 4498089 h 4707593"/>
                <a:gd name="connsiteX138" fmla="*/ 0 w 5260975"/>
                <a:gd name="connsiteY138" fmla="*/ 4498087 h 47075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</a:cxnLst>
              <a:rect l="l" t="t" r="r" b="b"/>
              <a:pathLst>
                <a:path w="5260975" h="4707593">
                  <a:moveTo>
                    <a:pt x="0" y="0"/>
                  </a:moveTo>
                  <a:lnTo>
                    <a:pt x="5260975" y="0"/>
                  </a:lnTo>
                  <a:lnTo>
                    <a:pt x="5260975" y="3296937"/>
                  </a:lnTo>
                  <a:lnTo>
                    <a:pt x="5260975" y="3518571"/>
                  </a:lnTo>
                  <a:lnTo>
                    <a:pt x="5226504" y="3534000"/>
                  </a:lnTo>
                  <a:cubicBezTo>
                    <a:pt x="5219783" y="3536785"/>
                    <a:pt x="5212389" y="3538321"/>
                    <a:pt x="5206341" y="3542065"/>
                  </a:cubicBezTo>
                  <a:cubicBezTo>
                    <a:pt x="5178495" y="3559156"/>
                    <a:pt x="5151515" y="3577591"/>
                    <a:pt x="5123287" y="3594010"/>
                  </a:cubicBezTo>
                  <a:cubicBezTo>
                    <a:pt x="5094195" y="3611004"/>
                    <a:pt x="5068175" y="3631071"/>
                    <a:pt x="5048107" y="3658244"/>
                  </a:cubicBezTo>
                  <a:cubicBezTo>
                    <a:pt x="5029480" y="3683496"/>
                    <a:pt x="5011429" y="3709131"/>
                    <a:pt x="4992899" y="3734479"/>
                  </a:cubicBezTo>
                  <a:cubicBezTo>
                    <a:pt x="4988194" y="3740912"/>
                    <a:pt x="4983874" y="3748498"/>
                    <a:pt x="4977440" y="3752627"/>
                  </a:cubicBezTo>
                  <a:cubicBezTo>
                    <a:pt x="4964094" y="3761268"/>
                    <a:pt x="4949500" y="3768277"/>
                    <a:pt x="4935194" y="3775382"/>
                  </a:cubicBezTo>
                  <a:cubicBezTo>
                    <a:pt x="4922903" y="3781431"/>
                    <a:pt x="4909846" y="3785943"/>
                    <a:pt x="4897844" y="3792472"/>
                  </a:cubicBezTo>
                  <a:cubicBezTo>
                    <a:pt x="4888243" y="3797658"/>
                    <a:pt x="4879697" y="3804859"/>
                    <a:pt x="4870767" y="3811388"/>
                  </a:cubicBezTo>
                  <a:cubicBezTo>
                    <a:pt x="4862990" y="3817052"/>
                    <a:pt x="4854445" y="3821949"/>
                    <a:pt x="4847917" y="3828767"/>
                  </a:cubicBezTo>
                  <a:cubicBezTo>
                    <a:pt x="4831977" y="3845281"/>
                    <a:pt x="4815942" y="3861508"/>
                    <a:pt x="4796163" y="3873702"/>
                  </a:cubicBezTo>
                  <a:cubicBezTo>
                    <a:pt x="4776672" y="3885799"/>
                    <a:pt x="4758237" y="3899338"/>
                    <a:pt x="4738843" y="3911628"/>
                  </a:cubicBezTo>
                  <a:cubicBezTo>
                    <a:pt x="4719831" y="3923630"/>
                    <a:pt x="4702645" y="3936783"/>
                    <a:pt x="4692755" y="3958099"/>
                  </a:cubicBezTo>
                  <a:cubicBezTo>
                    <a:pt x="4688339" y="3967508"/>
                    <a:pt x="4682097" y="3977782"/>
                    <a:pt x="4673744" y="3983255"/>
                  </a:cubicBezTo>
                  <a:cubicBezTo>
                    <a:pt x="4661838" y="3991032"/>
                    <a:pt x="4646764" y="3993817"/>
                    <a:pt x="4633801" y="4000442"/>
                  </a:cubicBezTo>
                  <a:cubicBezTo>
                    <a:pt x="4618535" y="4008219"/>
                    <a:pt x="4600869" y="4014940"/>
                    <a:pt x="4590499" y="4027326"/>
                  </a:cubicBezTo>
                  <a:cubicBezTo>
                    <a:pt x="4581281" y="4038368"/>
                    <a:pt x="4571968" y="4047009"/>
                    <a:pt x="4559773" y="4054018"/>
                  </a:cubicBezTo>
                  <a:cubicBezTo>
                    <a:pt x="4551229" y="4058915"/>
                    <a:pt x="4544892" y="4067844"/>
                    <a:pt x="4536059" y="4071877"/>
                  </a:cubicBezTo>
                  <a:cubicBezTo>
                    <a:pt x="4524442" y="4077254"/>
                    <a:pt x="4512727" y="4081479"/>
                    <a:pt x="4502550" y="4089832"/>
                  </a:cubicBezTo>
                  <a:cubicBezTo>
                    <a:pt x="4491987" y="4098473"/>
                    <a:pt x="4479986" y="4105290"/>
                    <a:pt x="4468944" y="4113356"/>
                  </a:cubicBezTo>
                  <a:cubicBezTo>
                    <a:pt x="4463087" y="4117676"/>
                    <a:pt x="4458286" y="4123341"/>
                    <a:pt x="4452623" y="4127854"/>
                  </a:cubicBezTo>
                  <a:cubicBezTo>
                    <a:pt x="4442252" y="4136111"/>
                    <a:pt x="4431690" y="4144176"/>
                    <a:pt x="4421032" y="4151953"/>
                  </a:cubicBezTo>
                  <a:cubicBezTo>
                    <a:pt x="4410375" y="4159731"/>
                    <a:pt x="4400197" y="4168756"/>
                    <a:pt x="4388483" y="4174421"/>
                  </a:cubicBezTo>
                  <a:cubicBezTo>
                    <a:pt x="4368513" y="4184023"/>
                    <a:pt x="4346717" y="4189784"/>
                    <a:pt x="4327321" y="4200153"/>
                  </a:cubicBezTo>
                  <a:cubicBezTo>
                    <a:pt x="4307639" y="4210714"/>
                    <a:pt x="4289107" y="4223965"/>
                    <a:pt x="4271633" y="4237983"/>
                  </a:cubicBezTo>
                  <a:cubicBezTo>
                    <a:pt x="4257807" y="4249025"/>
                    <a:pt x="4244845" y="4259971"/>
                    <a:pt x="4227465" y="4265635"/>
                  </a:cubicBezTo>
                  <a:cubicBezTo>
                    <a:pt x="4217768" y="4268804"/>
                    <a:pt x="4207591" y="4275717"/>
                    <a:pt x="4201733" y="4283783"/>
                  </a:cubicBezTo>
                  <a:cubicBezTo>
                    <a:pt x="4189059" y="4301353"/>
                    <a:pt x="4172833" y="4313739"/>
                    <a:pt x="4154494" y="4324301"/>
                  </a:cubicBezTo>
                  <a:cubicBezTo>
                    <a:pt x="4130010" y="4338511"/>
                    <a:pt x="4105814" y="4353009"/>
                    <a:pt x="4081234" y="4366931"/>
                  </a:cubicBezTo>
                  <a:cubicBezTo>
                    <a:pt x="4066737" y="4375189"/>
                    <a:pt x="4052335" y="4383926"/>
                    <a:pt x="4036971" y="4389975"/>
                  </a:cubicBezTo>
                  <a:cubicBezTo>
                    <a:pt x="4005575" y="4402457"/>
                    <a:pt x="3973410" y="4413114"/>
                    <a:pt x="3941725" y="4424733"/>
                  </a:cubicBezTo>
                  <a:cubicBezTo>
                    <a:pt x="3931355" y="4428477"/>
                    <a:pt x="3921561" y="4433854"/>
                    <a:pt x="3910999" y="4437119"/>
                  </a:cubicBezTo>
                  <a:cubicBezTo>
                    <a:pt x="3899573" y="4440671"/>
                    <a:pt x="3887285" y="4441727"/>
                    <a:pt x="3875859" y="4445280"/>
                  </a:cubicBezTo>
                  <a:cubicBezTo>
                    <a:pt x="3856847" y="4451136"/>
                    <a:pt x="3838412" y="4458626"/>
                    <a:pt x="3819401" y="4464579"/>
                  </a:cubicBezTo>
                  <a:cubicBezTo>
                    <a:pt x="3782723" y="4476005"/>
                    <a:pt x="3745949" y="4486951"/>
                    <a:pt x="3709176" y="4497800"/>
                  </a:cubicBezTo>
                  <a:cubicBezTo>
                    <a:pt x="3701303" y="4500105"/>
                    <a:pt x="3692757" y="4500393"/>
                    <a:pt x="3684981" y="4502889"/>
                  </a:cubicBezTo>
                  <a:cubicBezTo>
                    <a:pt x="3664337" y="4509610"/>
                    <a:pt x="3643789" y="4516907"/>
                    <a:pt x="3623338" y="4524300"/>
                  </a:cubicBezTo>
                  <a:cubicBezTo>
                    <a:pt x="3610953" y="4528813"/>
                    <a:pt x="3598854" y="4534382"/>
                    <a:pt x="3586373" y="4538702"/>
                  </a:cubicBezTo>
                  <a:cubicBezTo>
                    <a:pt x="3576387" y="4542159"/>
                    <a:pt x="3566113" y="4544847"/>
                    <a:pt x="3555743" y="4546960"/>
                  </a:cubicBezTo>
                  <a:cubicBezTo>
                    <a:pt x="3546814" y="4548785"/>
                    <a:pt x="3537501" y="4548592"/>
                    <a:pt x="3528667" y="4550801"/>
                  </a:cubicBezTo>
                  <a:cubicBezTo>
                    <a:pt x="3504759" y="4556753"/>
                    <a:pt x="3481140" y="4563475"/>
                    <a:pt x="3457424" y="4569811"/>
                  </a:cubicBezTo>
                  <a:cubicBezTo>
                    <a:pt x="3447919" y="4572308"/>
                    <a:pt x="3438221" y="4574133"/>
                    <a:pt x="3429003" y="4577301"/>
                  </a:cubicBezTo>
                  <a:cubicBezTo>
                    <a:pt x="3404327" y="4585654"/>
                    <a:pt x="3380036" y="4595159"/>
                    <a:pt x="3355264" y="4603033"/>
                  </a:cubicBezTo>
                  <a:cubicBezTo>
                    <a:pt x="3334717" y="4609562"/>
                    <a:pt x="3313593" y="4614266"/>
                    <a:pt x="3292757" y="4620027"/>
                  </a:cubicBezTo>
                  <a:cubicBezTo>
                    <a:pt x="3283924" y="4622524"/>
                    <a:pt x="3275475" y="4626077"/>
                    <a:pt x="3266643" y="4628188"/>
                  </a:cubicBezTo>
                  <a:cubicBezTo>
                    <a:pt x="3246863" y="4632990"/>
                    <a:pt x="3226796" y="4637022"/>
                    <a:pt x="3206921" y="4641823"/>
                  </a:cubicBezTo>
                  <a:cubicBezTo>
                    <a:pt x="3195590" y="4644607"/>
                    <a:pt x="3184645" y="4649600"/>
                    <a:pt x="3173123" y="4651425"/>
                  </a:cubicBezTo>
                  <a:cubicBezTo>
                    <a:pt x="3145759" y="4655745"/>
                    <a:pt x="3118203" y="4658817"/>
                    <a:pt x="3090646" y="4662274"/>
                  </a:cubicBezTo>
                  <a:cubicBezTo>
                    <a:pt x="3062227" y="4665826"/>
                    <a:pt x="3033902" y="4669571"/>
                    <a:pt x="3005480" y="4672739"/>
                  </a:cubicBezTo>
                  <a:cubicBezTo>
                    <a:pt x="2989926" y="4674372"/>
                    <a:pt x="2974275" y="4674660"/>
                    <a:pt x="2958721" y="4676196"/>
                  </a:cubicBezTo>
                  <a:cubicBezTo>
                    <a:pt x="2945087" y="4677541"/>
                    <a:pt x="2931549" y="4680037"/>
                    <a:pt x="2917915" y="4681670"/>
                  </a:cubicBezTo>
                  <a:cubicBezTo>
                    <a:pt x="2906105" y="4683013"/>
                    <a:pt x="2894199" y="4683781"/>
                    <a:pt x="2882389" y="4685126"/>
                  </a:cubicBezTo>
                  <a:cubicBezTo>
                    <a:pt x="2863475" y="4687334"/>
                    <a:pt x="2844655" y="4689831"/>
                    <a:pt x="2825837" y="4692135"/>
                  </a:cubicBezTo>
                  <a:cubicBezTo>
                    <a:pt x="2817964" y="4692999"/>
                    <a:pt x="2809706" y="4695399"/>
                    <a:pt x="2802313" y="4693960"/>
                  </a:cubicBezTo>
                  <a:cubicBezTo>
                    <a:pt x="2783686" y="4690310"/>
                    <a:pt x="2765347" y="4691367"/>
                    <a:pt x="2746816" y="4693863"/>
                  </a:cubicBezTo>
                  <a:cubicBezTo>
                    <a:pt x="2740479" y="4694728"/>
                    <a:pt x="2733662" y="4694535"/>
                    <a:pt x="2727517" y="4692903"/>
                  </a:cubicBezTo>
                  <a:cubicBezTo>
                    <a:pt x="2714939" y="4689638"/>
                    <a:pt x="2702745" y="4685029"/>
                    <a:pt x="2690359" y="4680997"/>
                  </a:cubicBezTo>
                  <a:cubicBezTo>
                    <a:pt x="2689014" y="4680517"/>
                    <a:pt x="2687382" y="4680421"/>
                    <a:pt x="2685943" y="4680133"/>
                  </a:cubicBezTo>
                  <a:cubicBezTo>
                    <a:pt x="2677781" y="4678500"/>
                    <a:pt x="2669717" y="4676868"/>
                    <a:pt x="2661554" y="4675428"/>
                  </a:cubicBezTo>
                  <a:cubicBezTo>
                    <a:pt x="2657138" y="4674660"/>
                    <a:pt x="2652625" y="4674564"/>
                    <a:pt x="2648208" y="4673892"/>
                  </a:cubicBezTo>
                  <a:cubicBezTo>
                    <a:pt x="2631118" y="4671203"/>
                    <a:pt x="2612299" y="4675716"/>
                    <a:pt x="2597512" y="4664099"/>
                  </a:cubicBezTo>
                  <a:cubicBezTo>
                    <a:pt x="2587911" y="4656609"/>
                    <a:pt x="2578597" y="4658338"/>
                    <a:pt x="2568324" y="4659490"/>
                  </a:cubicBezTo>
                  <a:cubicBezTo>
                    <a:pt x="2560547" y="4660354"/>
                    <a:pt x="2552577" y="4660065"/>
                    <a:pt x="2544704" y="4660162"/>
                  </a:cubicBezTo>
                  <a:cubicBezTo>
                    <a:pt x="2530878" y="4660449"/>
                    <a:pt x="2517052" y="4660546"/>
                    <a:pt x="2503225" y="4661026"/>
                  </a:cubicBezTo>
                  <a:cubicBezTo>
                    <a:pt x="2498808" y="4661218"/>
                    <a:pt x="2494297" y="4663619"/>
                    <a:pt x="2489975" y="4663235"/>
                  </a:cubicBezTo>
                  <a:cubicBezTo>
                    <a:pt x="2470004" y="4661410"/>
                    <a:pt x="2450033" y="4658529"/>
                    <a:pt x="2430061" y="4656897"/>
                  </a:cubicBezTo>
                  <a:cubicBezTo>
                    <a:pt x="2418732" y="4655938"/>
                    <a:pt x="2407114" y="4657761"/>
                    <a:pt x="2395880" y="4656417"/>
                  </a:cubicBezTo>
                  <a:cubicBezTo>
                    <a:pt x="2382919" y="4654881"/>
                    <a:pt x="2370245" y="4650945"/>
                    <a:pt x="2357378" y="4648544"/>
                  </a:cubicBezTo>
                  <a:cubicBezTo>
                    <a:pt x="2353826" y="4647872"/>
                    <a:pt x="2349889" y="4648736"/>
                    <a:pt x="2346145" y="4648928"/>
                  </a:cubicBezTo>
                  <a:cubicBezTo>
                    <a:pt x="2341920" y="4649120"/>
                    <a:pt x="2337791" y="4649504"/>
                    <a:pt x="2333567" y="4649600"/>
                  </a:cubicBezTo>
                  <a:cubicBezTo>
                    <a:pt x="2320700" y="4649793"/>
                    <a:pt x="2307835" y="4649504"/>
                    <a:pt x="2294968" y="4650177"/>
                  </a:cubicBezTo>
                  <a:cubicBezTo>
                    <a:pt x="2287095" y="4650561"/>
                    <a:pt x="2278839" y="4654497"/>
                    <a:pt x="2271540" y="4653057"/>
                  </a:cubicBezTo>
                  <a:cubicBezTo>
                    <a:pt x="2256659" y="4650272"/>
                    <a:pt x="2241776" y="4656513"/>
                    <a:pt x="2226895" y="4651329"/>
                  </a:cubicBezTo>
                  <a:cubicBezTo>
                    <a:pt x="2222285" y="4649793"/>
                    <a:pt x="2215948" y="4653633"/>
                    <a:pt x="2210379" y="4653825"/>
                  </a:cubicBezTo>
                  <a:cubicBezTo>
                    <a:pt x="2196457" y="4654305"/>
                    <a:pt x="2182535" y="4654209"/>
                    <a:pt x="2168613" y="4654113"/>
                  </a:cubicBezTo>
                  <a:cubicBezTo>
                    <a:pt x="2156131" y="4654017"/>
                    <a:pt x="2143168" y="4655361"/>
                    <a:pt x="2131167" y="4652673"/>
                  </a:cubicBezTo>
                  <a:cubicBezTo>
                    <a:pt x="2118588" y="4649793"/>
                    <a:pt x="2107259" y="4650177"/>
                    <a:pt x="2095065" y="4653441"/>
                  </a:cubicBezTo>
                  <a:cubicBezTo>
                    <a:pt x="2086711" y="4655649"/>
                    <a:pt x="2077878" y="4655938"/>
                    <a:pt x="2069237" y="4656609"/>
                  </a:cubicBezTo>
                  <a:cubicBezTo>
                    <a:pt x="2059924" y="4657377"/>
                    <a:pt x="2049650" y="4655361"/>
                    <a:pt x="2041201" y="4658529"/>
                  </a:cubicBezTo>
                  <a:cubicBezTo>
                    <a:pt x="2016044" y="4667939"/>
                    <a:pt x="1990216" y="4669955"/>
                    <a:pt x="1963909" y="4669955"/>
                  </a:cubicBezTo>
                  <a:cubicBezTo>
                    <a:pt x="1959107" y="4669955"/>
                    <a:pt x="1954210" y="4668612"/>
                    <a:pt x="1949603" y="4667171"/>
                  </a:cubicBezTo>
                  <a:cubicBezTo>
                    <a:pt x="1922717" y="4658529"/>
                    <a:pt x="1895737" y="4659297"/>
                    <a:pt x="1868373" y="4664578"/>
                  </a:cubicBezTo>
                  <a:cubicBezTo>
                    <a:pt x="1862708" y="4665731"/>
                    <a:pt x="1856372" y="4665923"/>
                    <a:pt x="1850707" y="4664771"/>
                  </a:cubicBezTo>
                  <a:cubicBezTo>
                    <a:pt x="1834768" y="4661410"/>
                    <a:pt x="1819309" y="4655841"/>
                    <a:pt x="1803275" y="4653441"/>
                  </a:cubicBezTo>
                  <a:cubicBezTo>
                    <a:pt x="1776775" y="4649504"/>
                    <a:pt x="1753828" y="4662754"/>
                    <a:pt x="1730112" y="4671396"/>
                  </a:cubicBezTo>
                  <a:cubicBezTo>
                    <a:pt x="1707548" y="4679557"/>
                    <a:pt x="1688345" y="4697992"/>
                    <a:pt x="1661652" y="4693863"/>
                  </a:cubicBezTo>
                  <a:cubicBezTo>
                    <a:pt x="1658965" y="4693479"/>
                    <a:pt x="1655988" y="4696071"/>
                    <a:pt x="1653011" y="4696744"/>
                  </a:cubicBezTo>
                  <a:cubicBezTo>
                    <a:pt x="1644850" y="4698568"/>
                    <a:pt x="1636689" y="4700776"/>
                    <a:pt x="1628431" y="4701641"/>
                  </a:cubicBezTo>
                  <a:cubicBezTo>
                    <a:pt x="1618350" y="4702793"/>
                    <a:pt x="1608076" y="4702409"/>
                    <a:pt x="1597995" y="4703369"/>
                  </a:cubicBezTo>
                  <a:cubicBezTo>
                    <a:pt x="1585032" y="4704521"/>
                    <a:pt x="1572263" y="4707593"/>
                    <a:pt x="1559396" y="4707593"/>
                  </a:cubicBezTo>
                  <a:cubicBezTo>
                    <a:pt x="1549026" y="4707593"/>
                    <a:pt x="1538753" y="4704041"/>
                    <a:pt x="1528480" y="4702312"/>
                  </a:cubicBezTo>
                  <a:cubicBezTo>
                    <a:pt x="1513981" y="4699912"/>
                    <a:pt x="1498042" y="4700584"/>
                    <a:pt x="1485272" y="4694439"/>
                  </a:cubicBezTo>
                  <a:cubicBezTo>
                    <a:pt x="1471639" y="4687910"/>
                    <a:pt x="1458676" y="4684934"/>
                    <a:pt x="1444562" y="4686950"/>
                  </a:cubicBezTo>
                  <a:cubicBezTo>
                    <a:pt x="1439857" y="4687622"/>
                    <a:pt x="1433808" y="4691655"/>
                    <a:pt x="1431696" y="4695783"/>
                  </a:cubicBezTo>
                  <a:cubicBezTo>
                    <a:pt x="1426991" y="4705001"/>
                    <a:pt x="1420559" y="4706634"/>
                    <a:pt x="1411821" y="4703464"/>
                  </a:cubicBezTo>
                  <a:cubicBezTo>
                    <a:pt x="1404236" y="4700776"/>
                    <a:pt x="1394922" y="4699432"/>
                    <a:pt x="1389738" y="4694247"/>
                  </a:cubicBezTo>
                  <a:cubicBezTo>
                    <a:pt x="1375047" y="4679557"/>
                    <a:pt x="1356324" y="4679077"/>
                    <a:pt x="1338081" y="4675141"/>
                  </a:cubicBezTo>
                  <a:cubicBezTo>
                    <a:pt x="1326945" y="4672739"/>
                    <a:pt x="1316574" y="4672644"/>
                    <a:pt x="1305436" y="4674276"/>
                  </a:cubicBezTo>
                  <a:cubicBezTo>
                    <a:pt x="1281241" y="4677925"/>
                    <a:pt x="1257717" y="4672739"/>
                    <a:pt x="1234481" y="4666115"/>
                  </a:cubicBezTo>
                  <a:cubicBezTo>
                    <a:pt x="1219118" y="4661698"/>
                    <a:pt x="1203372" y="4659010"/>
                    <a:pt x="1188106" y="4654497"/>
                  </a:cubicBezTo>
                  <a:cubicBezTo>
                    <a:pt x="1176680" y="4651041"/>
                    <a:pt x="1165255" y="4646912"/>
                    <a:pt x="1154790" y="4641343"/>
                  </a:cubicBezTo>
                  <a:cubicBezTo>
                    <a:pt x="1139618" y="4633181"/>
                    <a:pt x="1126369" y="4620891"/>
                    <a:pt x="1107069" y="4624156"/>
                  </a:cubicBezTo>
                  <a:cubicBezTo>
                    <a:pt x="1090074" y="4627036"/>
                    <a:pt x="1074713" y="4620988"/>
                    <a:pt x="1059158" y="4615227"/>
                  </a:cubicBezTo>
                  <a:cubicBezTo>
                    <a:pt x="1047732" y="4611002"/>
                    <a:pt x="1036308" y="4606681"/>
                    <a:pt x="1024496" y="4603993"/>
                  </a:cubicBezTo>
                  <a:cubicBezTo>
                    <a:pt x="1010478" y="4600824"/>
                    <a:pt x="994635" y="4602169"/>
                    <a:pt x="982153" y="4596311"/>
                  </a:cubicBezTo>
                  <a:cubicBezTo>
                    <a:pt x="969095" y="4590166"/>
                    <a:pt x="958246" y="4594295"/>
                    <a:pt x="946628" y="4596024"/>
                  </a:cubicBezTo>
                  <a:cubicBezTo>
                    <a:pt x="928097" y="4598712"/>
                    <a:pt x="909661" y="4603705"/>
                    <a:pt x="890939" y="4597368"/>
                  </a:cubicBezTo>
                  <a:cubicBezTo>
                    <a:pt x="868184" y="4589687"/>
                    <a:pt x="845620" y="4581430"/>
                    <a:pt x="822769" y="4574133"/>
                  </a:cubicBezTo>
                  <a:cubicBezTo>
                    <a:pt x="813934" y="4571347"/>
                    <a:pt x="804431" y="4570195"/>
                    <a:pt x="795212" y="4568947"/>
                  </a:cubicBezTo>
                  <a:cubicBezTo>
                    <a:pt x="786476" y="4567891"/>
                    <a:pt x="776010" y="4570579"/>
                    <a:pt x="769288" y="4566547"/>
                  </a:cubicBezTo>
                  <a:cubicBezTo>
                    <a:pt x="752005" y="4556178"/>
                    <a:pt x="734243" y="4551089"/>
                    <a:pt x="714271" y="4551089"/>
                  </a:cubicBezTo>
                  <a:cubicBezTo>
                    <a:pt x="706781" y="4551089"/>
                    <a:pt x="699484" y="4546768"/>
                    <a:pt x="691900" y="4545999"/>
                  </a:cubicBezTo>
                  <a:cubicBezTo>
                    <a:pt x="681529" y="4545040"/>
                    <a:pt x="669623" y="4542447"/>
                    <a:pt x="660598" y="4546096"/>
                  </a:cubicBezTo>
                  <a:cubicBezTo>
                    <a:pt x="639379" y="4554737"/>
                    <a:pt x="622193" y="4547536"/>
                    <a:pt x="603662" y="4538991"/>
                  </a:cubicBezTo>
                  <a:cubicBezTo>
                    <a:pt x="585418" y="4530541"/>
                    <a:pt x="566215" y="4523821"/>
                    <a:pt x="546821" y="4518251"/>
                  </a:cubicBezTo>
                  <a:cubicBezTo>
                    <a:pt x="539524" y="4516235"/>
                    <a:pt x="530787" y="4519596"/>
                    <a:pt x="522721" y="4520267"/>
                  </a:cubicBezTo>
                  <a:cubicBezTo>
                    <a:pt x="519840" y="4520460"/>
                    <a:pt x="516671" y="4520748"/>
                    <a:pt x="514080" y="4519788"/>
                  </a:cubicBezTo>
                  <a:cubicBezTo>
                    <a:pt x="489020" y="4510570"/>
                    <a:pt x="463575" y="4503561"/>
                    <a:pt x="436404" y="4508361"/>
                  </a:cubicBezTo>
                  <a:cubicBezTo>
                    <a:pt x="433908" y="4508842"/>
                    <a:pt x="431123" y="4507786"/>
                    <a:pt x="428626" y="4507114"/>
                  </a:cubicBezTo>
                  <a:cubicBezTo>
                    <a:pt x="416432" y="4503657"/>
                    <a:pt x="404526" y="4498184"/>
                    <a:pt x="392141" y="4496936"/>
                  </a:cubicBezTo>
                  <a:cubicBezTo>
                    <a:pt x="361608" y="4493864"/>
                    <a:pt x="330884" y="4492615"/>
                    <a:pt x="300157" y="4490599"/>
                  </a:cubicBezTo>
                  <a:cubicBezTo>
                    <a:pt x="298237" y="4490503"/>
                    <a:pt x="296221" y="4490503"/>
                    <a:pt x="294493" y="4489831"/>
                  </a:cubicBezTo>
                  <a:cubicBezTo>
                    <a:pt x="283163" y="4485702"/>
                    <a:pt x="273274" y="4487047"/>
                    <a:pt x="263671" y="4494919"/>
                  </a:cubicBezTo>
                  <a:cubicBezTo>
                    <a:pt x="259447" y="4498376"/>
                    <a:pt x="253686" y="4500200"/>
                    <a:pt x="248406" y="4502121"/>
                  </a:cubicBezTo>
                  <a:cubicBezTo>
                    <a:pt x="240628" y="4505002"/>
                    <a:pt x="232659" y="4507786"/>
                    <a:pt x="224594" y="4509610"/>
                  </a:cubicBezTo>
                  <a:cubicBezTo>
                    <a:pt x="216624" y="4511338"/>
                    <a:pt x="208079" y="4513738"/>
                    <a:pt x="200398" y="4512395"/>
                  </a:cubicBezTo>
                  <a:cubicBezTo>
                    <a:pt x="186572" y="4509994"/>
                    <a:pt x="173417" y="4504618"/>
                    <a:pt x="159783" y="4501064"/>
                  </a:cubicBezTo>
                  <a:cubicBezTo>
                    <a:pt x="155079" y="4499816"/>
                    <a:pt x="149893" y="4500009"/>
                    <a:pt x="144997" y="4499912"/>
                  </a:cubicBezTo>
                  <a:cubicBezTo>
                    <a:pt x="133763" y="4499625"/>
                    <a:pt x="122241" y="4502409"/>
                    <a:pt x="112064" y="4494440"/>
                  </a:cubicBezTo>
                  <a:cubicBezTo>
                    <a:pt x="102655" y="4486951"/>
                    <a:pt x="93148" y="4489158"/>
                    <a:pt x="83259" y="4494824"/>
                  </a:cubicBezTo>
                  <a:cubicBezTo>
                    <a:pt x="76154" y="4498857"/>
                    <a:pt x="68090" y="4502025"/>
                    <a:pt x="60120" y="4503561"/>
                  </a:cubicBezTo>
                  <a:cubicBezTo>
                    <a:pt x="49174" y="4505673"/>
                    <a:pt x="38324" y="4506538"/>
                    <a:pt x="26514" y="4505289"/>
                  </a:cubicBezTo>
                  <a:cubicBezTo>
                    <a:pt x="18161" y="4504425"/>
                    <a:pt x="11343" y="4504041"/>
                    <a:pt x="4814" y="4498952"/>
                  </a:cubicBezTo>
                  <a:cubicBezTo>
                    <a:pt x="3759" y="4498184"/>
                    <a:pt x="1839" y="4497992"/>
                    <a:pt x="398" y="4498089"/>
                  </a:cubicBezTo>
                  <a:lnTo>
                    <a:pt x="0" y="4498087"/>
                  </a:lnTo>
                  <a:close/>
                </a:path>
              </a:pathLst>
            </a:custGeom>
            <a:solidFill>
              <a:schemeClr val="tx1"/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 dirty="0">
                <a:solidFill>
                  <a:schemeClr val="lt1">
                    <a:alpha val="14000"/>
                  </a:schemeClr>
                </a:solidFill>
              </a:endParaRPr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EE5154B2-BEF9-4C08-B6B1-9DED9F17C4B7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>
              <a:off x="827089" y="1498602"/>
              <a:ext cx="4403345" cy="3940174"/>
            </a:xfrm>
            <a:custGeom>
              <a:avLst/>
              <a:gdLst>
                <a:gd name="connsiteX0" fmla="*/ 0 w 5260975"/>
                <a:gd name="connsiteY0" fmla="*/ 0 h 4707593"/>
                <a:gd name="connsiteX1" fmla="*/ 5260975 w 5260975"/>
                <a:gd name="connsiteY1" fmla="*/ 0 h 4707593"/>
                <a:gd name="connsiteX2" fmla="*/ 5260975 w 5260975"/>
                <a:gd name="connsiteY2" fmla="*/ 3296937 h 4707593"/>
                <a:gd name="connsiteX3" fmla="*/ 5260975 w 5260975"/>
                <a:gd name="connsiteY3" fmla="*/ 3518571 h 4707593"/>
                <a:gd name="connsiteX4" fmla="*/ 5226504 w 5260975"/>
                <a:gd name="connsiteY4" fmla="*/ 3534000 h 4707593"/>
                <a:gd name="connsiteX5" fmla="*/ 5206341 w 5260975"/>
                <a:gd name="connsiteY5" fmla="*/ 3542065 h 4707593"/>
                <a:gd name="connsiteX6" fmla="*/ 5123287 w 5260975"/>
                <a:gd name="connsiteY6" fmla="*/ 3594010 h 4707593"/>
                <a:gd name="connsiteX7" fmla="*/ 5048107 w 5260975"/>
                <a:gd name="connsiteY7" fmla="*/ 3658244 h 4707593"/>
                <a:gd name="connsiteX8" fmla="*/ 4992899 w 5260975"/>
                <a:gd name="connsiteY8" fmla="*/ 3734479 h 4707593"/>
                <a:gd name="connsiteX9" fmla="*/ 4977440 w 5260975"/>
                <a:gd name="connsiteY9" fmla="*/ 3752627 h 4707593"/>
                <a:gd name="connsiteX10" fmla="*/ 4935194 w 5260975"/>
                <a:gd name="connsiteY10" fmla="*/ 3775382 h 4707593"/>
                <a:gd name="connsiteX11" fmla="*/ 4897844 w 5260975"/>
                <a:gd name="connsiteY11" fmla="*/ 3792472 h 4707593"/>
                <a:gd name="connsiteX12" fmla="*/ 4870767 w 5260975"/>
                <a:gd name="connsiteY12" fmla="*/ 3811388 h 4707593"/>
                <a:gd name="connsiteX13" fmla="*/ 4847917 w 5260975"/>
                <a:gd name="connsiteY13" fmla="*/ 3828767 h 4707593"/>
                <a:gd name="connsiteX14" fmla="*/ 4796163 w 5260975"/>
                <a:gd name="connsiteY14" fmla="*/ 3873702 h 4707593"/>
                <a:gd name="connsiteX15" fmla="*/ 4738843 w 5260975"/>
                <a:gd name="connsiteY15" fmla="*/ 3911628 h 4707593"/>
                <a:gd name="connsiteX16" fmla="*/ 4692755 w 5260975"/>
                <a:gd name="connsiteY16" fmla="*/ 3958099 h 4707593"/>
                <a:gd name="connsiteX17" fmla="*/ 4673744 w 5260975"/>
                <a:gd name="connsiteY17" fmla="*/ 3983255 h 4707593"/>
                <a:gd name="connsiteX18" fmla="*/ 4633801 w 5260975"/>
                <a:gd name="connsiteY18" fmla="*/ 4000442 h 4707593"/>
                <a:gd name="connsiteX19" fmla="*/ 4590499 w 5260975"/>
                <a:gd name="connsiteY19" fmla="*/ 4027326 h 4707593"/>
                <a:gd name="connsiteX20" fmla="*/ 4559773 w 5260975"/>
                <a:gd name="connsiteY20" fmla="*/ 4054018 h 4707593"/>
                <a:gd name="connsiteX21" fmla="*/ 4536059 w 5260975"/>
                <a:gd name="connsiteY21" fmla="*/ 4071877 h 4707593"/>
                <a:gd name="connsiteX22" fmla="*/ 4502550 w 5260975"/>
                <a:gd name="connsiteY22" fmla="*/ 4089832 h 4707593"/>
                <a:gd name="connsiteX23" fmla="*/ 4468944 w 5260975"/>
                <a:gd name="connsiteY23" fmla="*/ 4113356 h 4707593"/>
                <a:gd name="connsiteX24" fmla="*/ 4452623 w 5260975"/>
                <a:gd name="connsiteY24" fmla="*/ 4127854 h 4707593"/>
                <a:gd name="connsiteX25" fmla="*/ 4421032 w 5260975"/>
                <a:gd name="connsiteY25" fmla="*/ 4151953 h 4707593"/>
                <a:gd name="connsiteX26" fmla="*/ 4388483 w 5260975"/>
                <a:gd name="connsiteY26" fmla="*/ 4174421 h 4707593"/>
                <a:gd name="connsiteX27" fmla="*/ 4327321 w 5260975"/>
                <a:gd name="connsiteY27" fmla="*/ 4200153 h 4707593"/>
                <a:gd name="connsiteX28" fmla="*/ 4271633 w 5260975"/>
                <a:gd name="connsiteY28" fmla="*/ 4237983 h 4707593"/>
                <a:gd name="connsiteX29" fmla="*/ 4227465 w 5260975"/>
                <a:gd name="connsiteY29" fmla="*/ 4265635 h 4707593"/>
                <a:gd name="connsiteX30" fmla="*/ 4201733 w 5260975"/>
                <a:gd name="connsiteY30" fmla="*/ 4283783 h 4707593"/>
                <a:gd name="connsiteX31" fmla="*/ 4154494 w 5260975"/>
                <a:gd name="connsiteY31" fmla="*/ 4324301 h 4707593"/>
                <a:gd name="connsiteX32" fmla="*/ 4081234 w 5260975"/>
                <a:gd name="connsiteY32" fmla="*/ 4366931 h 4707593"/>
                <a:gd name="connsiteX33" fmla="*/ 4036971 w 5260975"/>
                <a:gd name="connsiteY33" fmla="*/ 4389975 h 4707593"/>
                <a:gd name="connsiteX34" fmla="*/ 3941725 w 5260975"/>
                <a:gd name="connsiteY34" fmla="*/ 4424733 h 4707593"/>
                <a:gd name="connsiteX35" fmla="*/ 3910999 w 5260975"/>
                <a:gd name="connsiteY35" fmla="*/ 4437119 h 4707593"/>
                <a:gd name="connsiteX36" fmla="*/ 3875859 w 5260975"/>
                <a:gd name="connsiteY36" fmla="*/ 4445280 h 4707593"/>
                <a:gd name="connsiteX37" fmla="*/ 3819401 w 5260975"/>
                <a:gd name="connsiteY37" fmla="*/ 4464579 h 4707593"/>
                <a:gd name="connsiteX38" fmla="*/ 3709176 w 5260975"/>
                <a:gd name="connsiteY38" fmla="*/ 4497800 h 4707593"/>
                <a:gd name="connsiteX39" fmla="*/ 3684981 w 5260975"/>
                <a:gd name="connsiteY39" fmla="*/ 4502889 h 4707593"/>
                <a:gd name="connsiteX40" fmla="*/ 3623338 w 5260975"/>
                <a:gd name="connsiteY40" fmla="*/ 4524300 h 4707593"/>
                <a:gd name="connsiteX41" fmla="*/ 3586373 w 5260975"/>
                <a:gd name="connsiteY41" fmla="*/ 4538702 h 4707593"/>
                <a:gd name="connsiteX42" fmla="*/ 3555743 w 5260975"/>
                <a:gd name="connsiteY42" fmla="*/ 4546960 h 4707593"/>
                <a:gd name="connsiteX43" fmla="*/ 3528667 w 5260975"/>
                <a:gd name="connsiteY43" fmla="*/ 4550801 h 4707593"/>
                <a:gd name="connsiteX44" fmla="*/ 3457424 w 5260975"/>
                <a:gd name="connsiteY44" fmla="*/ 4569811 h 4707593"/>
                <a:gd name="connsiteX45" fmla="*/ 3429003 w 5260975"/>
                <a:gd name="connsiteY45" fmla="*/ 4577301 h 4707593"/>
                <a:gd name="connsiteX46" fmla="*/ 3355264 w 5260975"/>
                <a:gd name="connsiteY46" fmla="*/ 4603033 h 4707593"/>
                <a:gd name="connsiteX47" fmla="*/ 3292757 w 5260975"/>
                <a:gd name="connsiteY47" fmla="*/ 4620027 h 4707593"/>
                <a:gd name="connsiteX48" fmla="*/ 3266643 w 5260975"/>
                <a:gd name="connsiteY48" fmla="*/ 4628188 h 4707593"/>
                <a:gd name="connsiteX49" fmla="*/ 3206921 w 5260975"/>
                <a:gd name="connsiteY49" fmla="*/ 4641823 h 4707593"/>
                <a:gd name="connsiteX50" fmla="*/ 3173123 w 5260975"/>
                <a:gd name="connsiteY50" fmla="*/ 4651425 h 4707593"/>
                <a:gd name="connsiteX51" fmla="*/ 3090646 w 5260975"/>
                <a:gd name="connsiteY51" fmla="*/ 4662274 h 4707593"/>
                <a:gd name="connsiteX52" fmla="*/ 3005480 w 5260975"/>
                <a:gd name="connsiteY52" fmla="*/ 4672739 h 4707593"/>
                <a:gd name="connsiteX53" fmla="*/ 2958721 w 5260975"/>
                <a:gd name="connsiteY53" fmla="*/ 4676196 h 4707593"/>
                <a:gd name="connsiteX54" fmla="*/ 2917915 w 5260975"/>
                <a:gd name="connsiteY54" fmla="*/ 4681670 h 4707593"/>
                <a:gd name="connsiteX55" fmla="*/ 2882389 w 5260975"/>
                <a:gd name="connsiteY55" fmla="*/ 4685126 h 4707593"/>
                <a:gd name="connsiteX56" fmla="*/ 2825837 w 5260975"/>
                <a:gd name="connsiteY56" fmla="*/ 4692135 h 4707593"/>
                <a:gd name="connsiteX57" fmla="*/ 2802313 w 5260975"/>
                <a:gd name="connsiteY57" fmla="*/ 4693960 h 4707593"/>
                <a:gd name="connsiteX58" fmla="*/ 2746816 w 5260975"/>
                <a:gd name="connsiteY58" fmla="*/ 4693863 h 4707593"/>
                <a:gd name="connsiteX59" fmla="*/ 2727517 w 5260975"/>
                <a:gd name="connsiteY59" fmla="*/ 4692903 h 4707593"/>
                <a:gd name="connsiteX60" fmla="*/ 2690359 w 5260975"/>
                <a:gd name="connsiteY60" fmla="*/ 4680997 h 4707593"/>
                <a:gd name="connsiteX61" fmla="*/ 2685943 w 5260975"/>
                <a:gd name="connsiteY61" fmla="*/ 4680133 h 4707593"/>
                <a:gd name="connsiteX62" fmla="*/ 2661554 w 5260975"/>
                <a:gd name="connsiteY62" fmla="*/ 4675428 h 4707593"/>
                <a:gd name="connsiteX63" fmla="*/ 2648208 w 5260975"/>
                <a:gd name="connsiteY63" fmla="*/ 4673892 h 4707593"/>
                <a:gd name="connsiteX64" fmla="*/ 2597512 w 5260975"/>
                <a:gd name="connsiteY64" fmla="*/ 4664099 h 4707593"/>
                <a:gd name="connsiteX65" fmla="*/ 2568324 w 5260975"/>
                <a:gd name="connsiteY65" fmla="*/ 4659490 h 4707593"/>
                <a:gd name="connsiteX66" fmla="*/ 2544704 w 5260975"/>
                <a:gd name="connsiteY66" fmla="*/ 4660162 h 4707593"/>
                <a:gd name="connsiteX67" fmla="*/ 2503225 w 5260975"/>
                <a:gd name="connsiteY67" fmla="*/ 4661026 h 4707593"/>
                <a:gd name="connsiteX68" fmla="*/ 2489975 w 5260975"/>
                <a:gd name="connsiteY68" fmla="*/ 4663235 h 4707593"/>
                <a:gd name="connsiteX69" fmla="*/ 2430061 w 5260975"/>
                <a:gd name="connsiteY69" fmla="*/ 4656897 h 4707593"/>
                <a:gd name="connsiteX70" fmla="*/ 2395880 w 5260975"/>
                <a:gd name="connsiteY70" fmla="*/ 4656417 h 4707593"/>
                <a:gd name="connsiteX71" fmla="*/ 2357378 w 5260975"/>
                <a:gd name="connsiteY71" fmla="*/ 4648544 h 4707593"/>
                <a:gd name="connsiteX72" fmla="*/ 2346145 w 5260975"/>
                <a:gd name="connsiteY72" fmla="*/ 4648928 h 4707593"/>
                <a:gd name="connsiteX73" fmla="*/ 2333567 w 5260975"/>
                <a:gd name="connsiteY73" fmla="*/ 4649600 h 4707593"/>
                <a:gd name="connsiteX74" fmla="*/ 2294968 w 5260975"/>
                <a:gd name="connsiteY74" fmla="*/ 4650177 h 4707593"/>
                <a:gd name="connsiteX75" fmla="*/ 2271540 w 5260975"/>
                <a:gd name="connsiteY75" fmla="*/ 4653057 h 4707593"/>
                <a:gd name="connsiteX76" fmla="*/ 2226895 w 5260975"/>
                <a:gd name="connsiteY76" fmla="*/ 4651329 h 4707593"/>
                <a:gd name="connsiteX77" fmla="*/ 2210379 w 5260975"/>
                <a:gd name="connsiteY77" fmla="*/ 4653825 h 4707593"/>
                <a:gd name="connsiteX78" fmla="*/ 2168613 w 5260975"/>
                <a:gd name="connsiteY78" fmla="*/ 4654113 h 4707593"/>
                <a:gd name="connsiteX79" fmla="*/ 2131167 w 5260975"/>
                <a:gd name="connsiteY79" fmla="*/ 4652673 h 4707593"/>
                <a:gd name="connsiteX80" fmla="*/ 2095065 w 5260975"/>
                <a:gd name="connsiteY80" fmla="*/ 4653441 h 4707593"/>
                <a:gd name="connsiteX81" fmla="*/ 2069237 w 5260975"/>
                <a:gd name="connsiteY81" fmla="*/ 4656609 h 4707593"/>
                <a:gd name="connsiteX82" fmla="*/ 2041201 w 5260975"/>
                <a:gd name="connsiteY82" fmla="*/ 4658529 h 4707593"/>
                <a:gd name="connsiteX83" fmla="*/ 1963909 w 5260975"/>
                <a:gd name="connsiteY83" fmla="*/ 4669955 h 4707593"/>
                <a:gd name="connsiteX84" fmla="*/ 1949603 w 5260975"/>
                <a:gd name="connsiteY84" fmla="*/ 4667171 h 4707593"/>
                <a:gd name="connsiteX85" fmla="*/ 1868373 w 5260975"/>
                <a:gd name="connsiteY85" fmla="*/ 4664578 h 4707593"/>
                <a:gd name="connsiteX86" fmla="*/ 1850707 w 5260975"/>
                <a:gd name="connsiteY86" fmla="*/ 4664771 h 4707593"/>
                <a:gd name="connsiteX87" fmla="*/ 1803275 w 5260975"/>
                <a:gd name="connsiteY87" fmla="*/ 4653441 h 4707593"/>
                <a:gd name="connsiteX88" fmla="*/ 1730112 w 5260975"/>
                <a:gd name="connsiteY88" fmla="*/ 4671396 h 4707593"/>
                <a:gd name="connsiteX89" fmla="*/ 1661652 w 5260975"/>
                <a:gd name="connsiteY89" fmla="*/ 4693863 h 4707593"/>
                <a:gd name="connsiteX90" fmla="*/ 1653011 w 5260975"/>
                <a:gd name="connsiteY90" fmla="*/ 4696744 h 4707593"/>
                <a:gd name="connsiteX91" fmla="*/ 1628431 w 5260975"/>
                <a:gd name="connsiteY91" fmla="*/ 4701641 h 4707593"/>
                <a:gd name="connsiteX92" fmla="*/ 1597995 w 5260975"/>
                <a:gd name="connsiteY92" fmla="*/ 4703369 h 4707593"/>
                <a:gd name="connsiteX93" fmla="*/ 1559396 w 5260975"/>
                <a:gd name="connsiteY93" fmla="*/ 4707593 h 4707593"/>
                <a:gd name="connsiteX94" fmla="*/ 1528480 w 5260975"/>
                <a:gd name="connsiteY94" fmla="*/ 4702312 h 4707593"/>
                <a:gd name="connsiteX95" fmla="*/ 1485272 w 5260975"/>
                <a:gd name="connsiteY95" fmla="*/ 4694439 h 4707593"/>
                <a:gd name="connsiteX96" fmla="*/ 1444562 w 5260975"/>
                <a:gd name="connsiteY96" fmla="*/ 4686950 h 4707593"/>
                <a:gd name="connsiteX97" fmla="*/ 1431696 w 5260975"/>
                <a:gd name="connsiteY97" fmla="*/ 4695783 h 4707593"/>
                <a:gd name="connsiteX98" fmla="*/ 1411821 w 5260975"/>
                <a:gd name="connsiteY98" fmla="*/ 4703464 h 4707593"/>
                <a:gd name="connsiteX99" fmla="*/ 1389738 w 5260975"/>
                <a:gd name="connsiteY99" fmla="*/ 4694247 h 4707593"/>
                <a:gd name="connsiteX100" fmla="*/ 1338081 w 5260975"/>
                <a:gd name="connsiteY100" fmla="*/ 4675141 h 4707593"/>
                <a:gd name="connsiteX101" fmla="*/ 1305436 w 5260975"/>
                <a:gd name="connsiteY101" fmla="*/ 4674276 h 4707593"/>
                <a:gd name="connsiteX102" fmla="*/ 1234481 w 5260975"/>
                <a:gd name="connsiteY102" fmla="*/ 4666115 h 4707593"/>
                <a:gd name="connsiteX103" fmla="*/ 1188106 w 5260975"/>
                <a:gd name="connsiteY103" fmla="*/ 4654497 h 4707593"/>
                <a:gd name="connsiteX104" fmla="*/ 1154790 w 5260975"/>
                <a:gd name="connsiteY104" fmla="*/ 4641343 h 4707593"/>
                <a:gd name="connsiteX105" fmla="*/ 1107069 w 5260975"/>
                <a:gd name="connsiteY105" fmla="*/ 4624156 h 4707593"/>
                <a:gd name="connsiteX106" fmla="*/ 1059158 w 5260975"/>
                <a:gd name="connsiteY106" fmla="*/ 4615227 h 4707593"/>
                <a:gd name="connsiteX107" fmla="*/ 1024496 w 5260975"/>
                <a:gd name="connsiteY107" fmla="*/ 4603993 h 4707593"/>
                <a:gd name="connsiteX108" fmla="*/ 982153 w 5260975"/>
                <a:gd name="connsiteY108" fmla="*/ 4596311 h 4707593"/>
                <a:gd name="connsiteX109" fmla="*/ 946628 w 5260975"/>
                <a:gd name="connsiteY109" fmla="*/ 4596024 h 4707593"/>
                <a:gd name="connsiteX110" fmla="*/ 890939 w 5260975"/>
                <a:gd name="connsiteY110" fmla="*/ 4597368 h 4707593"/>
                <a:gd name="connsiteX111" fmla="*/ 822769 w 5260975"/>
                <a:gd name="connsiteY111" fmla="*/ 4574133 h 4707593"/>
                <a:gd name="connsiteX112" fmla="*/ 795212 w 5260975"/>
                <a:gd name="connsiteY112" fmla="*/ 4568947 h 4707593"/>
                <a:gd name="connsiteX113" fmla="*/ 769288 w 5260975"/>
                <a:gd name="connsiteY113" fmla="*/ 4566547 h 4707593"/>
                <a:gd name="connsiteX114" fmla="*/ 714271 w 5260975"/>
                <a:gd name="connsiteY114" fmla="*/ 4551089 h 4707593"/>
                <a:gd name="connsiteX115" fmla="*/ 691900 w 5260975"/>
                <a:gd name="connsiteY115" fmla="*/ 4545999 h 4707593"/>
                <a:gd name="connsiteX116" fmla="*/ 660598 w 5260975"/>
                <a:gd name="connsiteY116" fmla="*/ 4546096 h 4707593"/>
                <a:gd name="connsiteX117" fmla="*/ 603662 w 5260975"/>
                <a:gd name="connsiteY117" fmla="*/ 4538991 h 4707593"/>
                <a:gd name="connsiteX118" fmla="*/ 546821 w 5260975"/>
                <a:gd name="connsiteY118" fmla="*/ 4518251 h 4707593"/>
                <a:gd name="connsiteX119" fmla="*/ 522721 w 5260975"/>
                <a:gd name="connsiteY119" fmla="*/ 4520267 h 4707593"/>
                <a:gd name="connsiteX120" fmla="*/ 514080 w 5260975"/>
                <a:gd name="connsiteY120" fmla="*/ 4519788 h 4707593"/>
                <a:gd name="connsiteX121" fmla="*/ 436404 w 5260975"/>
                <a:gd name="connsiteY121" fmla="*/ 4508361 h 4707593"/>
                <a:gd name="connsiteX122" fmla="*/ 428626 w 5260975"/>
                <a:gd name="connsiteY122" fmla="*/ 4507114 h 4707593"/>
                <a:gd name="connsiteX123" fmla="*/ 392141 w 5260975"/>
                <a:gd name="connsiteY123" fmla="*/ 4496936 h 4707593"/>
                <a:gd name="connsiteX124" fmla="*/ 300157 w 5260975"/>
                <a:gd name="connsiteY124" fmla="*/ 4490599 h 4707593"/>
                <a:gd name="connsiteX125" fmla="*/ 294493 w 5260975"/>
                <a:gd name="connsiteY125" fmla="*/ 4489831 h 4707593"/>
                <a:gd name="connsiteX126" fmla="*/ 263671 w 5260975"/>
                <a:gd name="connsiteY126" fmla="*/ 4494919 h 4707593"/>
                <a:gd name="connsiteX127" fmla="*/ 248406 w 5260975"/>
                <a:gd name="connsiteY127" fmla="*/ 4502121 h 4707593"/>
                <a:gd name="connsiteX128" fmla="*/ 224594 w 5260975"/>
                <a:gd name="connsiteY128" fmla="*/ 4509610 h 4707593"/>
                <a:gd name="connsiteX129" fmla="*/ 200398 w 5260975"/>
                <a:gd name="connsiteY129" fmla="*/ 4512395 h 4707593"/>
                <a:gd name="connsiteX130" fmla="*/ 159783 w 5260975"/>
                <a:gd name="connsiteY130" fmla="*/ 4501064 h 4707593"/>
                <a:gd name="connsiteX131" fmla="*/ 144997 w 5260975"/>
                <a:gd name="connsiteY131" fmla="*/ 4499912 h 4707593"/>
                <a:gd name="connsiteX132" fmla="*/ 112064 w 5260975"/>
                <a:gd name="connsiteY132" fmla="*/ 4494440 h 4707593"/>
                <a:gd name="connsiteX133" fmla="*/ 83259 w 5260975"/>
                <a:gd name="connsiteY133" fmla="*/ 4494824 h 4707593"/>
                <a:gd name="connsiteX134" fmla="*/ 60120 w 5260975"/>
                <a:gd name="connsiteY134" fmla="*/ 4503561 h 4707593"/>
                <a:gd name="connsiteX135" fmla="*/ 26514 w 5260975"/>
                <a:gd name="connsiteY135" fmla="*/ 4505289 h 4707593"/>
                <a:gd name="connsiteX136" fmla="*/ 4814 w 5260975"/>
                <a:gd name="connsiteY136" fmla="*/ 4498952 h 4707593"/>
                <a:gd name="connsiteX137" fmla="*/ 398 w 5260975"/>
                <a:gd name="connsiteY137" fmla="*/ 4498089 h 4707593"/>
                <a:gd name="connsiteX138" fmla="*/ 0 w 5260975"/>
                <a:gd name="connsiteY138" fmla="*/ 4498087 h 47075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</a:cxnLst>
              <a:rect l="l" t="t" r="r" b="b"/>
              <a:pathLst>
                <a:path w="5260975" h="4707593">
                  <a:moveTo>
                    <a:pt x="0" y="0"/>
                  </a:moveTo>
                  <a:lnTo>
                    <a:pt x="5260975" y="0"/>
                  </a:lnTo>
                  <a:lnTo>
                    <a:pt x="5260975" y="3296937"/>
                  </a:lnTo>
                  <a:lnTo>
                    <a:pt x="5260975" y="3518571"/>
                  </a:lnTo>
                  <a:lnTo>
                    <a:pt x="5226504" y="3534000"/>
                  </a:lnTo>
                  <a:cubicBezTo>
                    <a:pt x="5219783" y="3536785"/>
                    <a:pt x="5212389" y="3538321"/>
                    <a:pt x="5206341" y="3542065"/>
                  </a:cubicBezTo>
                  <a:cubicBezTo>
                    <a:pt x="5178495" y="3559156"/>
                    <a:pt x="5151515" y="3577591"/>
                    <a:pt x="5123287" y="3594010"/>
                  </a:cubicBezTo>
                  <a:cubicBezTo>
                    <a:pt x="5094195" y="3611004"/>
                    <a:pt x="5068175" y="3631071"/>
                    <a:pt x="5048107" y="3658244"/>
                  </a:cubicBezTo>
                  <a:cubicBezTo>
                    <a:pt x="5029480" y="3683496"/>
                    <a:pt x="5011429" y="3709131"/>
                    <a:pt x="4992899" y="3734479"/>
                  </a:cubicBezTo>
                  <a:cubicBezTo>
                    <a:pt x="4988194" y="3740912"/>
                    <a:pt x="4983874" y="3748498"/>
                    <a:pt x="4977440" y="3752627"/>
                  </a:cubicBezTo>
                  <a:cubicBezTo>
                    <a:pt x="4964094" y="3761268"/>
                    <a:pt x="4949500" y="3768277"/>
                    <a:pt x="4935194" y="3775382"/>
                  </a:cubicBezTo>
                  <a:cubicBezTo>
                    <a:pt x="4922903" y="3781431"/>
                    <a:pt x="4909846" y="3785943"/>
                    <a:pt x="4897844" y="3792472"/>
                  </a:cubicBezTo>
                  <a:cubicBezTo>
                    <a:pt x="4888243" y="3797658"/>
                    <a:pt x="4879697" y="3804859"/>
                    <a:pt x="4870767" y="3811388"/>
                  </a:cubicBezTo>
                  <a:cubicBezTo>
                    <a:pt x="4862990" y="3817052"/>
                    <a:pt x="4854445" y="3821949"/>
                    <a:pt x="4847917" y="3828767"/>
                  </a:cubicBezTo>
                  <a:cubicBezTo>
                    <a:pt x="4831977" y="3845281"/>
                    <a:pt x="4815942" y="3861508"/>
                    <a:pt x="4796163" y="3873702"/>
                  </a:cubicBezTo>
                  <a:cubicBezTo>
                    <a:pt x="4776672" y="3885799"/>
                    <a:pt x="4758237" y="3899338"/>
                    <a:pt x="4738843" y="3911628"/>
                  </a:cubicBezTo>
                  <a:cubicBezTo>
                    <a:pt x="4719831" y="3923630"/>
                    <a:pt x="4702645" y="3936783"/>
                    <a:pt x="4692755" y="3958099"/>
                  </a:cubicBezTo>
                  <a:cubicBezTo>
                    <a:pt x="4688339" y="3967508"/>
                    <a:pt x="4682097" y="3977782"/>
                    <a:pt x="4673744" y="3983255"/>
                  </a:cubicBezTo>
                  <a:cubicBezTo>
                    <a:pt x="4661838" y="3991032"/>
                    <a:pt x="4646764" y="3993817"/>
                    <a:pt x="4633801" y="4000442"/>
                  </a:cubicBezTo>
                  <a:cubicBezTo>
                    <a:pt x="4618535" y="4008219"/>
                    <a:pt x="4600869" y="4014940"/>
                    <a:pt x="4590499" y="4027326"/>
                  </a:cubicBezTo>
                  <a:cubicBezTo>
                    <a:pt x="4581281" y="4038368"/>
                    <a:pt x="4571968" y="4047009"/>
                    <a:pt x="4559773" y="4054018"/>
                  </a:cubicBezTo>
                  <a:cubicBezTo>
                    <a:pt x="4551229" y="4058915"/>
                    <a:pt x="4544892" y="4067844"/>
                    <a:pt x="4536059" y="4071877"/>
                  </a:cubicBezTo>
                  <a:cubicBezTo>
                    <a:pt x="4524442" y="4077254"/>
                    <a:pt x="4512727" y="4081479"/>
                    <a:pt x="4502550" y="4089832"/>
                  </a:cubicBezTo>
                  <a:cubicBezTo>
                    <a:pt x="4491987" y="4098473"/>
                    <a:pt x="4479986" y="4105290"/>
                    <a:pt x="4468944" y="4113356"/>
                  </a:cubicBezTo>
                  <a:cubicBezTo>
                    <a:pt x="4463087" y="4117676"/>
                    <a:pt x="4458286" y="4123341"/>
                    <a:pt x="4452623" y="4127854"/>
                  </a:cubicBezTo>
                  <a:cubicBezTo>
                    <a:pt x="4442252" y="4136111"/>
                    <a:pt x="4431690" y="4144176"/>
                    <a:pt x="4421032" y="4151953"/>
                  </a:cubicBezTo>
                  <a:cubicBezTo>
                    <a:pt x="4410375" y="4159731"/>
                    <a:pt x="4400197" y="4168756"/>
                    <a:pt x="4388483" y="4174421"/>
                  </a:cubicBezTo>
                  <a:cubicBezTo>
                    <a:pt x="4368513" y="4184023"/>
                    <a:pt x="4346717" y="4189784"/>
                    <a:pt x="4327321" y="4200153"/>
                  </a:cubicBezTo>
                  <a:cubicBezTo>
                    <a:pt x="4307639" y="4210714"/>
                    <a:pt x="4289107" y="4223965"/>
                    <a:pt x="4271633" y="4237983"/>
                  </a:cubicBezTo>
                  <a:cubicBezTo>
                    <a:pt x="4257807" y="4249025"/>
                    <a:pt x="4244845" y="4259971"/>
                    <a:pt x="4227465" y="4265635"/>
                  </a:cubicBezTo>
                  <a:cubicBezTo>
                    <a:pt x="4217768" y="4268804"/>
                    <a:pt x="4207591" y="4275717"/>
                    <a:pt x="4201733" y="4283783"/>
                  </a:cubicBezTo>
                  <a:cubicBezTo>
                    <a:pt x="4189059" y="4301353"/>
                    <a:pt x="4172833" y="4313739"/>
                    <a:pt x="4154494" y="4324301"/>
                  </a:cubicBezTo>
                  <a:cubicBezTo>
                    <a:pt x="4130010" y="4338511"/>
                    <a:pt x="4105814" y="4353009"/>
                    <a:pt x="4081234" y="4366931"/>
                  </a:cubicBezTo>
                  <a:cubicBezTo>
                    <a:pt x="4066737" y="4375189"/>
                    <a:pt x="4052335" y="4383926"/>
                    <a:pt x="4036971" y="4389975"/>
                  </a:cubicBezTo>
                  <a:cubicBezTo>
                    <a:pt x="4005575" y="4402457"/>
                    <a:pt x="3973410" y="4413114"/>
                    <a:pt x="3941725" y="4424733"/>
                  </a:cubicBezTo>
                  <a:cubicBezTo>
                    <a:pt x="3931355" y="4428477"/>
                    <a:pt x="3921561" y="4433854"/>
                    <a:pt x="3910999" y="4437119"/>
                  </a:cubicBezTo>
                  <a:cubicBezTo>
                    <a:pt x="3899573" y="4440671"/>
                    <a:pt x="3887285" y="4441727"/>
                    <a:pt x="3875859" y="4445280"/>
                  </a:cubicBezTo>
                  <a:cubicBezTo>
                    <a:pt x="3856847" y="4451136"/>
                    <a:pt x="3838412" y="4458626"/>
                    <a:pt x="3819401" y="4464579"/>
                  </a:cubicBezTo>
                  <a:cubicBezTo>
                    <a:pt x="3782723" y="4476005"/>
                    <a:pt x="3745949" y="4486951"/>
                    <a:pt x="3709176" y="4497800"/>
                  </a:cubicBezTo>
                  <a:cubicBezTo>
                    <a:pt x="3701303" y="4500105"/>
                    <a:pt x="3692757" y="4500393"/>
                    <a:pt x="3684981" y="4502889"/>
                  </a:cubicBezTo>
                  <a:cubicBezTo>
                    <a:pt x="3664337" y="4509610"/>
                    <a:pt x="3643789" y="4516907"/>
                    <a:pt x="3623338" y="4524300"/>
                  </a:cubicBezTo>
                  <a:cubicBezTo>
                    <a:pt x="3610953" y="4528813"/>
                    <a:pt x="3598854" y="4534382"/>
                    <a:pt x="3586373" y="4538702"/>
                  </a:cubicBezTo>
                  <a:cubicBezTo>
                    <a:pt x="3576387" y="4542159"/>
                    <a:pt x="3566113" y="4544847"/>
                    <a:pt x="3555743" y="4546960"/>
                  </a:cubicBezTo>
                  <a:cubicBezTo>
                    <a:pt x="3546814" y="4548785"/>
                    <a:pt x="3537501" y="4548592"/>
                    <a:pt x="3528667" y="4550801"/>
                  </a:cubicBezTo>
                  <a:cubicBezTo>
                    <a:pt x="3504759" y="4556753"/>
                    <a:pt x="3481140" y="4563475"/>
                    <a:pt x="3457424" y="4569811"/>
                  </a:cubicBezTo>
                  <a:cubicBezTo>
                    <a:pt x="3447919" y="4572308"/>
                    <a:pt x="3438221" y="4574133"/>
                    <a:pt x="3429003" y="4577301"/>
                  </a:cubicBezTo>
                  <a:cubicBezTo>
                    <a:pt x="3404327" y="4585654"/>
                    <a:pt x="3380036" y="4595159"/>
                    <a:pt x="3355264" y="4603033"/>
                  </a:cubicBezTo>
                  <a:cubicBezTo>
                    <a:pt x="3334717" y="4609562"/>
                    <a:pt x="3313593" y="4614266"/>
                    <a:pt x="3292757" y="4620027"/>
                  </a:cubicBezTo>
                  <a:cubicBezTo>
                    <a:pt x="3283924" y="4622524"/>
                    <a:pt x="3275475" y="4626077"/>
                    <a:pt x="3266643" y="4628188"/>
                  </a:cubicBezTo>
                  <a:cubicBezTo>
                    <a:pt x="3246863" y="4632990"/>
                    <a:pt x="3226796" y="4637022"/>
                    <a:pt x="3206921" y="4641823"/>
                  </a:cubicBezTo>
                  <a:cubicBezTo>
                    <a:pt x="3195590" y="4644607"/>
                    <a:pt x="3184645" y="4649600"/>
                    <a:pt x="3173123" y="4651425"/>
                  </a:cubicBezTo>
                  <a:cubicBezTo>
                    <a:pt x="3145759" y="4655745"/>
                    <a:pt x="3118203" y="4658817"/>
                    <a:pt x="3090646" y="4662274"/>
                  </a:cubicBezTo>
                  <a:cubicBezTo>
                    <a:pt x="3062227" y="4665826"/>
                    <a:pt x="3033902" y="4669571"/>
                    <a:pt x="3005480" y="4672739"/>
                  </a:cubicBezTo>
                  <a:cubicBezTo>
                    <a:pt x="2989926" y="4674372"/>
                    <a:pt x="2974275" y="4674660"/>
                    <a:pt x="2958721" y="4676196"/>
                  </a:cubicBezTo>
                  <a:cubicBezTo>
                    <a:pt x="2945087" y="4677541"/>
                    <a:pt x="2931549" y="4680037"/>
                    <a:pt x="2917915" y="4681670"/>
                  </a:cubicBezTo>
                  <a:cubicBezTo>
                    <a:pt x="2906105" y="4683013"/>
                    <a:pt x="2894199" y="4683781"/>
                    <a:pt x="2882389" y="4685126"/>
                  </a:cubicBezTo>
                  <a:cubicBezTo>
                    <a:pt x="2863475" y="4687334"/>
                    <a:pt x="2844655" y="4689831"/>
                    <a:pt x="2825837" y="4692135"/>
                  </a:cubicBezTo>
                  <a:cubicBezTo>
                    <a:pt x="2817964" y="4692999"/>
                    <a:pt x="2809706" y="4695399"/>
                    <a:pt x="2802313" y="4693960"/>
                  </a:cubicBezTo>
                  <a:cubicBezTo>
                    <a:pt x="2783686" y="4690310"/>
                    <a:pt x="2765347" y="4691367"/>
                    <a:pt x="2746816" y="4693863"/>
                  </a:cubicBezTo>
                  <a:cubicBezTo>
                    <a:pt x="2740479" y="4694728"/>
                    <a:pt x="2733662" y="4694535"/>
                    <a:pt x="2727517" y="4692903"/>
                  </a:cubicBezTo>
                  <a:cubicBezTo>
                    <a:pt x="2714939" y="4689638"/>
                    <a:pt x="2702745" y="4685029"/>
                    <a:pt x="2690359" y="4680997"/>
                  </a:cubicBezTo>
                  <a:cubicBezTo>
                    <a:pt x="2689014" y="4680517"/>
                    <a:pt x="2687382" y="4680421"/>
                    <a:pt x="2685943" y="4680133"/>
                  </a:cubicBezTo>
                  <a:cubicBezTo>
                    <a:pt x="2677781" y="4678500"/>
                    <a:pt x="2669717" y="4676868"/>
                    <a:pt x="2661554" y="4675428"/>
                  </a:cubicBezTo>
                  <a:cubicBezTo>
                    <a:pt x="2657138" y="4674660"/>
                    <a:pt x="2652625" y="4674564"/>
                    <a:pt x="2648208" y="4673892"/>
                  </a:cubicBezTo>
                  <a:cubicBezTo>
                    <a:pt x="2631118" y="4671203"/>
                    <a:pt x="2612299" y="4675716"/>
                    <a:pt x="2597512" y="4664099"/>
                  </a:cubicBezTo>
                  <a:cubicBezTo>
                    <a:pt x="2587911" y="4656609"/>
                    <a:pt x="2578597" y="4658338"/>
                    <a:pt x="2568324" y="4659490"/>
                  </a:cubicBezTo>
                  <a:cubicBezTo>
                    <a:pt x="2560547" y="4660354"/>
                    <a:pt x="2552577" y="4660065"/>
                    <a:pt x="2544704" y="4660162"/>
                  </a:cubicBezTo>
                  <a:cubicBezTo>
                    <a:pt x="2530878" y="4660449"/>
                    <a:pt x="2517052" y="4660546"/>
                    <a:pt x="2503225" y="4661026"/>
                  </a:cubicBezTo>
                  <a:cubicBezTo>
                    <a:pt x="2498808" y="4661218"/>
                    <a:pt x="2494297" y="4663619"/>
                    <a:pt x="2489975" y="4663235"/>
                  </a:cubicBezTo>
                  <a:cubicBezTo>
                    <a:pt x="2470004" y="4661410"/>
                    <a:pt x="2450033" y="4658529"/>
                    <a:pt x="2430061" y="4656897"/>
                  </a:cubicBezTo>
                  <a:cubicBezTo>
                    <a:pt x="2418732" y="4655938"/>
                    <a:pt x="2407114" y="4657761"/>
                    <a:pt x="2395880" y="4656417"/>
                  </a:cubicBezTo>
                  <a:cubicBezTo>
                    <a:pt x="2382919" y="4654881"/>
                    <a:pt x="2370245" y="4650945"/>
                    <a:pt x="2357378" y="4648544"/>
                  </a:cubicBezTo>
                  <a:cubicBezTo>
                    <a:pt x="2353826" y="4647872"/>
                    <a:pt x="2349889" y="4648736"/>
                    <a:pt x="2346145" y="4648928"/>
                  </a:cubicBezTo>
                  <a:cubicBezTo>
                    <a:pt x="2341920" y="4649120"/>
                    <a:pt x="2337791" y="4649504"/>
                    <a:pt x="2333567" y="4649600"/>
                  </a:cubicBezTo>
                  <a:cubicBezTo>
                    <a:pt x="2320700" y="4649793"/>
                    <a:pt x="2307835" y="4649504"/>
                    <a:pt x="2294968" y="4650177"/>
                  </a:cubicBezTo>
                  <a:cubicBezTo>
                    <a:pt x="2287095" y="4650561"/>
                    <a:pt x="2278839" y="4654497"/>
                    <a:pt x="2271540" y="4653057"/>
                  </a:cubicBezTo>
                  <a:cubicBezTo>
                    <a:pt x="2256659" y="4650272"/>
                    <a:pt x="2241776" y="4656513"/>
                    <a:pt x="2226895" y="4651329"/>
                  </a:cubicBezTo>
                  <a:cubicBezTo>
                    <a:pt x="2222285" y="4649793"/>
                    <a:pt x="2215948" y="4653633"/>
                    <a:pt x="2210379" y="4653825"/>
                  </a:cubicBezTo>
                  <a:cubicBezTo>
                    <a:pt x="2196457" y="4654305"/>
                    <a:pt x="2182535" y="4654209"/>
                    <a:pt x="2168613" y="4654113"/>
                  </a:cubicBezTo>
                  <a:cubicBezTo>
                    <a:pt x="2156131" y="4654017"/>
                    <a:pt x="2143168" y="4655361"/>
                    <a:pt x="2131167" y="4652673"/>
                  </a:cubicBezTo>
                  <a:cubicBezTo>
                    <a:pt x="2118588" y="4649793"/>
                    <a:pt x="2107259" y="4650177"/>
                    <a:pt x="2095065" y="4653441"/>
                  </a:cubicBezTo>
                  <a:cubicBezTo>
                    <a:pt x="2086711" y="4655649"/>
                    <a:pt x="2077878" y="4655938"/>
                    <a:pt x="2069237" y="4656609"/>
                  </a:cubicBezTo>
                  <a:cubicBezTo>
                    <a:pt x="2059924" y="4657377"/>
                    <a:pt x="2049650" y="4655361"/>
                    <a:pt x="2041201" y="4658529"/>
                  </a:cubicBezTo>
                  <a:cubicBezTo>
                    <a:pt x="2016044" y="4667939"/>
                    <a:pt x="1990216" y="4669955"/>
                    <a:pt x="1963909" y="4669955"/>
                  </a:cubicBezTo>
                  <a:cubicBezTo>
                    <a:pt x="1959107" y="4669955"/>
                    <a:pt x="1954210" y="4668612"/>
                    <a:pt x="1949603" y="4667171"/>
                  </a:cubicBezTo>
                  <a:cubicBezTo>
                    <a:pt x="1922717" y="4658529"/>
                    <a:pt x="1895737" y="4659297"/>
                    <a:pt x="1868373" y="4664578"/>
                  </a:cubicBezTo>
                  <a:cubicBezTo>
                    <a:pt x="1862708" y="4665731"/>
                    <a:pt x="1856372" y="4665923"/>
                    <a:pt x="1850707" y="4664771"/>
                  </a:cubicBezTo>
                  <a:cubicBezTo>
                    <a:pt x="1834768" y="4661410"/>
                    <a:pt x="1819309" y="4655841"/>
                    <a:pt x="1803275" y="4653441"/>
                  </a:cubicBezTo>
                  <a:cubicBezTo>
                    <a:pt x="1776775" y="4649504"/>
                    <a:pt x="1753828" y="4662754"/>
                    <a:pt x="1730112" y="4671396"/>
                  </a:cubicBezTo>
                  <a:cubicBezTo>
                    <a:pt x="1707548" y="4679557"/>
                    <a:pt x="1688345" y="4697992"/>
                    <a:pt x="1661652" y="4693863"/>
                  </a:cubicBezTo>
                  <a:cubicBezTo>
                    <a:pt x="1658965" y="4693479"/>
                    <a:pt x="1655988" y="4696071"/>
                    <a:pt x="1653011" y="4696744"/>
                  </a:cubicBezTo>
                  <a:cubicBezTo>
                    <a:pt x="1644850" y="4698568"/>
                    <a:pt x="1636689" y="4700776"/>
                    <a:pt x="1628431" y="4701641"/>
                  </a:cubicBezTo>
                  <a:cubicBezTo>
                    <a:pt x="1618350" y="4702793"/>
                    <a:pt x="1608076" y="4702409"/>
                    <a:pt x="1597995" y="4703369"/>
                  </a:cubicBezTo>
                  <a:cubicBezTo>
                    <a:pt x="1585032" y="4704521"/>
                    <a:pt x="1572263" y="4707593"/>
                    <a:pt x="1559396" y="4707593"/>
                  </a:cubicBezTo>
                  <a:cubicBezTo>
                    <a:pt x="1549026" y="4707593"/>
                    <a:pt x="1538753" y="4704041"/>
                    <a:pt x="1528480" y="4702312"/>
                  </a:cubicBezTo>
                  <a:cubicBezTo>
                    <a:pt x="1513981" y="4699912"/>
                    <a:pt x="1498042" y="4700584"/>
                    <a:pt x="1485272" y="4694439"/>
                  </a:cubicBezTo>
                  <a:cubicBezTo>
                    <a:pt x="1471639" y="4687910"/>
                    <a:pt x="1458676" y="4684934"/>
                    <a:pt x="1444562" y="4686950"/>
                  </a:cubicBezTo>
                  <a:cubicBezTo>
                    <a:pt x="1439857" y="4687622"/>
                    <a:pt x="1433808" y="4691655"/>
                    <a:pt x="1431696" y="4695783"/>
                  </a:cubicBezTo>
                  <a:cubicBezTo>
                    <a:pt x="1426991" y="4705001"/>
                    <a:pt x="1420559" y="4706634"/>
                    <a:pt x="1411821" y="4703464"/>
                  </a:cubicBezTo>
                  <a:cubicBezTo>
                    <a:pt x="1404236" y="4700776"/>
                    <a:pt x="1394922" y="4699432"/>
                    <a:pt x="1389738" y="4694247"/>
                  </a:cubicBezTo>
                  <a:cubicBezTo>
                    <a:pt x="1375047" y="4679557"/>
                    <a:pt x="1356324" y="4679077"/>
                    <a:pt x="1338081" y="4675141"/>
                  </a:cubicBezTo>
                  <a:cubicBezTo>
                    <a:pt x="1326945" y="4672739"/>
                    <a:pt x="1316574" y="4672644"/>
                    <a:pt x="1305436" y="4674276"/>
                  </a:cubicBezTo>
                  <a:cubicBezTo>
                    <a:pt x="1281241" y="4677925"/>
                    <a:pt x="1257717" y="4672739"/>
                    <a:pt x="1234481" y="4666115"/>
                  </a:cubicBezTo>
                  <a:cubicBezTo>
                    <a:pt x="1219118" y="4661698"/>
                    <a:pt x="1203372" y="4659010"/>
                    <a:pt x="1188106" y="4654497"/>
                  </a:cubicBezTo>
                  <a:cubicBezTo>
                    <a:pt x="1176680" y="4651041"/>
                    <a:pt x="1165255" y="4646912"/>
                    <a:pt x="1154790" y="4641343"/>
                  </a:cubicBezTo>
                  <a:cubicBezTo>
                    <a:pt x="1139618" y="4633181"/>
                    <a:pt x="1126369" y="4620891"/>
                    <a:pt x="1107069" y="4624156"/>
                  </a:cubicBezTo>
                  <a:cubicBezTo>
                    <a:pt x="1090074" y="4627036"/>
                    <a:pt x="1074713" y="4620988"/>
                    <a:pt x="1059158" y="4615227"/>
                  </a:cubicBezTo>
                  <a:cubicBezTo>
                    <a:pt x="1047732" y="4611002"/>
                    <a:pt x="1036308" y="4606681"/>
                    <a:pt x="1024496" y="4603993"/>
                  </a:cubicBezTo>
                  <a:cubicBezTo>
                    <a:pt x="1010478" y="4600824"/>
                    <a:pt x="994635" y="4602169"/>
                    <a:pt x="982153" y="4596311"/>
                  </a:cubicBezTo>
                  <a:cubicBezTo>
                    <a:pt x="969095" y="4590166"/>
                    <a:pt x="958246" y="4594295"/>
                    <a:pt x="946628" y="4596024"/>
                  </a:cubicBezTo>
                  <a:cubicBezTo>
                    <a:pt x="928097" y="4598712"/>
                    <a:pt x="909661" y="4603705"/>
                    <a:pt x="890939" y="4597368"/>
                  </a:cubicBezTo>
                  <a:cubicBezTo>
                    <a:pt x="868184" y="4589687"/>
                    <a:pt x="845620" y="4581430"/>
                    <a:pt x="822769" y="4574133"/>
                  </a:cubicBezTo>
                  <a:cubicBezTo>
                    <a:pt x="813934" y="4571347"/>
                    <a:pt x="804431" y="4570195"/>
                    <a:pt x="795212" y="4568947"/>
                  </a:cubicBezTo>
                  <a:cubicBezTo>
                    <a:pt x="786476" y="4567891"/>
                    <a:pt x="776010" y="4570579"/>
                    <a:pt x="769288" y="4566547"/>
                  </a:cubicBezTo>
                  <a:cubicBezTo>
                    <a:pt x="752005" y="4556178"/>
                    <a:pt x="734243" y="4551089"/>
                    <a:pt x="714271" y="4551089"/>
                  </a:cubicBezTo>
                  <a:cubicBezTo>
                    <a:pt x="706781" y="4551089"/>
                    <a:pt x="699484" y="4546768"/>
                    <a:pt x="691900" y="4545999"/>
                  </a:cubicBezTo>
                  <a:cubicBezTo>
                    <a:pt x="681529" y="4545040"/>
                    <a:pt x="669623" y="4542447"/>
                    <a:pt x="660598" y="4546096"/>
                  </a:cubicBezTo>
                  <a:cubicBezTo>
                    <a:pt x="639379" y="4554737"/>
                    <a:pt x="622193" y="4547536"/>
                    <a:pt x="603662" y="4538991"/>
                  </a:cubicBezTo>
                  <a:cubicBezTo>
                    <a:pt x="585418" y="4530541"/>
                    <a:pt x="566215" y="4523821"/>
                    <a:pt x="546821" y="4518251"/>
                  </a:cubicBezTo>
                  <a:cubicBezTo>
                    <a:pt x="539524" y="4516235"/>
                    <a:pt x="530787" y="4519596"/>
                    <a:pt x="522721" y="4520267"/>
                  </a:cubicBezTo>
                  <a:cubicBezTo>
                    <a:pt x="519840" y="4520460"/>
                    <a:pt x="516671" y="4520748"/>
                    <a:pt x="514080" y="4519788"/>
                  </a:cubicBezTo>
                  <a:cubicBezTo>
                    <a:pt x="489020" y="4510570"/>
                    <a:pt x="463575" y="4503561"/>
                    <a:pt x="436404" y="4508361"/>
                  </a:cubicBezTo>
                  <a:cubicBezTo>
                    <a:pt x="433908" y="4508842"/>
                    <a:pt x="431123" y="4507786"/>
                    <a:pt x="428626" y="4507114"/>
                  </a:cubicBezTo>
                  <a:cubicBezTo>
                    <a:pt x="416432" y="4503657"/>
                    <a:pt x="404526" y="4498184"/>
                    <a:pt x="392141" y="4496936"/>
                  </a:cubicBezTo>
                  <a:cubicBezTo>
                    <a:pt x="361608" y="4493864"/>
                    <a:pt x="330884" y="4492615"/>
                    <a:pt x="300157" y="4490599"/>
                  </a:cubicBezTo>
                  <a:cubicBezTo>
                    <a:pt x="298237" y="4490503"/>
                    <a:pt x="296221" y="4490503"/>
                    <a:pt x="294493" y="4489831"/>
                  </a:cubicBezTo>
                  <a:cubicBezTo>
                    <a:pt x="283163" y="4485702"/>
                    <a:pt x="273274" y="4487047"/>
                    <a:pt x="263671" y="4494919"/>
                  </a:cubicBezTo>
                  <a:cubicBezTo>
                    <a:pt x="259447" y="4498376"/>
                    <a:pt x="253686" y="4500200"/>
                    <a:pt x="248406" y="4502121"/>
                  </a:cubicBezTo>
                  <a:cubicBezTo>
                    <a:pt x="240628" y="4505002"/>
                    <a:pt x="232659" y="4507786"/>
                    <a:pt x="224594" y="4509610"/>
                  </a:cubicBezTo>
                  <a:cubicBezTo>
                    <a:pt x="216624" y="4511338"/>
                    <a:pt x="208079" y="4513738"/>
                    <a:pt x="200398" y="4512395"/>
                  </a:cubicBezTo>
                  <a:cubicBezTo>
                    <a:pt x="186572" y="4509994"/>
                    <a:pt x="173417" y="4504618"/>
                    <a:pt x="159783" y="4501064"/>
                  </a:cubicBezTo>
                  <a:cubicBezTo>
                    <a:pt x="155079" y="4499816"/>
                    <a:pt x="149893" y="4500009"/>
                    <a:pt x="144997" y="4499912"/>
                  </a:cubicBezTo>
                  <a:cubicBezTo>
                    <a:pt x="133763" y="4499625"/>
                    <a:pt x="122241" y="4502409"/>
                    <a:pt x="112064" y="4494440"/>
                  </a:cubicBezTo>
                  <a:cubicBezTo>
                    <a:pt x="102655" y="4486951"/>
                    <a:pt x="93148" y="4489158"/>
                    <a:pt x="83259" y="4494824"/>
                  </a:cubicBezTo>
                  <a:cubicBezTo>
                    <a:pt x="76154" y="4498857"/>
                    <a:pt x="68090" y="4502025"/>
                    <a:pt x="60120" y="4503561"/>
                  </a:cubicBezTo>
                  <a:cubicBezTo>
                    <a:pt x="49174" y="4505673"/>
                    <a:pt x="38324" y="4506538"/>
                    <a:pt x="26514" y="4505289"/>
                  </a:cubicBezTo>
                  <a:cubicBezTo>
                    <a:pt x="18161" y="4504425"/>
                    <a:pt x="11343" y="4504041"/>
                    <a:pt x="4814" y="4498952"/>
                  </a:cubicBezTo>
                  <a:cubicBezTo>
                    <a:pt x="3759" y="4498184"/>
                    <a:pt x="1839" y="4497992"/>
                    <a:pt x="398" y="4498089"/>
                  </a:cubicBezTo>
                  <a:lnTo>
                    <a:pt x="0" y="4498087"/>
                  </a:lnTo>
                  <a:close/>
                </a:path>
              </a:pathLst>
            </a:custGeom>
            <a:solidFill>
              <a:schemeClr val="bg1">
                <a:alpha val="14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wrap="square" rtlCol="0" anchor="ctr">
              <a:noAutofit/>
            </a:bodyPr>
            <a:lstStyle/>
            <a:p>
              <a:pPr algn="ctr"/>
              <a:endParaRPr lang="en-US" dirty="0">
                <a:solidFill>
                  <a:schemeClr val="lt1">
                    <a:alpha val="14000"/>
                  </a:schemeClr>
                </a:solidFill>
              </a:endParaRPr>
            </a:p>
          </p:txBody>
        </p:sp>
      </p:grpSp>
      <p:sp>
        <p:nvSpPr>
          <p:cNvPr id="2" name="Titel 1">
            <a:extLst>
              <a:ext uri="{FF2B5EF4-FFF2-40B4-BE49-F238E27FC236}">
                <a16:creationId xmlns:a16="http://schemas.microsoft.com/office/drawing/2014/main" id="{B0C030C0-0E5D-42A7-BF5C-DD47860A639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68127" y="2023558"/>
            <a:ext cx="3521265" cy="2491292"/>
          </a:xfr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en-US" sz="4000" b="1" kern="12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Pædagogisk </a:t>
            </a:r>
            <a:r>
              <a:rPr lang="en-US" sz="4000" b="1" kern="1200" dirty="0" err="1">
                <a:solidFill>
                  <a:schemeClr val="bg1"/>
                </a:solidFill>
                <a:latin typeface="+mj-lt"/>
                <a:ea typeface="+mj-ea"/>
                <a:cs typeface="+mj-cs"/>
              </a:rPr>
              <a:t>ledelses</a:t>
            </a:r>
            <a:r>
              <a:rPr lang="en-US" sz="4000" b="1" kern="12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fem </a:t>
            </a:r>
            <a:r>
              <a:rPr lang="en-US" sz="4000" b="1" kern="1200" dirty="0" err="1">
                <a:solidFill>
                  <a:schemeClr val="bg1"/>
                </a:solidFill>
                <a:latin typeface="+mj-lt"/>
                <a:ea typeface="+mj-ea"/>
                <a:cs typeface="+mj-cs"/>
              </a:rPr>
              <a:t>dimensioner</a:t>
            </a:r>
            <a:r>
              <a:rPr lang="en-US" sz="4000" b="1" kern="12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</a:t>
            </a:r>
          </a:p>
        </p:txBody>
      </p:sp>
      <p:sp>
        <p:nvSpPr>
          <p:cNvPr id="64" name="Freeform: Shape 63">
            <a:extLst>
              <a:ext uri="{FF2B5EF4-FFF2-40B4-BE49-F238E27FC236}">
                <a16:creationId xmlns:a16="http://schemas.microsoft.com/office/drawing/2014/main" id="{30B5ED20-499B-41E7-95BE-8BBD3131456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27088" y="4258080"/>
            <a:ext cx="4403345" cy="1180695"/>
          </a:xfrm>
          <a:custGeom>
            <a:avLst/>
            <a:gdLst>
              <a:gd name="connsiteX0" fmla="*/ 5260975 w 5260975"/>
              <a:gd name="connsiteY0" fmla="*/ 0 h 1410656"/>
              <a:gd name="connsiteX1" fmla="*/ 5260975 w 5260975"/>
              <a:gd name="connsiteY1" fmla="*/ 221634 h 1410656"/>
              <a:gd name="connsiteX2" fmla="*/ 5226503 w 5260975"/>
              <a:gd name="connsiteY2" fmla="*/ 237063 h 1410656"/>
              <a:gd name="connsiteX3" fmla="*/ 5206341 w 5260975"/>
              <a:gd name="connsiteY3" fmla="*/ 245128 h 1410656"/>
              <a:gd name="connsiteX4" fmla="*/ 5123287 w 5260975"/>
              <a:gd name="connsiteY4" fmla="*/ 297073 h 1410656"/>
              <a:gd name="connsiteX5" fmla="*/ 5048107 w 5260975"/>
              <a:gd name="connsiteY5" fmla="*/ 361307 h 1410656"/>
              <a:gd name="connsiteX6" fmla="*/ 4992899 w 5260975"/>
              <a:gd name="connsiteY6" fmla="*/ 437542 h 1410656"/>
              <a:gd name="connsiteX7" fmla="*/ 4977440 w 5260975"/>
              <a:gd name="connsiteY7" fmla="*/ 455690 h 1410656"/>
              <a:gd name="connsiteX8" fmla="*/ 4935193 w 5260975"/>
              <a:gd name="connsiteY8" fmla="*/ 478445 h 1410656"/>
              <a:gd name="connsiteX9" fmla="*/ 4897844 w 5260975"/>
              <a:gd name="connsiteY9" fmla="*/ 495535 h 1410656"/>
              <a:gd name="connsiteX10" fmla="*/ 4870767 w 5260975"/>
              <a:gd name="connsiteY10" fmla="*/ 514451 h 1410656"/>
              <a:gd name="connsiteX11" fmla="*/ 4847916 w 5260975"/>
              <a:gd name="connsiteY11" fmla="*/ 531830 h 1410656"/>
              <a:gd name="connsiteX12" fmla="*/ 4796163 w 5260975"/>
              <a:gd name="connsiteY12" fmla="*/ 576765 h 1410656"/>
              <a:gd name="connsiteX13" fmla="*/ 4738843 w 5260975"/>
              <a:gd name="connsiteY13" fmla="*/ 614691 h 1410656"/>
              <a:gd name="connsiteX14" fmla="*/ 4692755 w 5260975"/>
              <a:gd name="connsiteY14" fmla="*/ 661162 h 1410656"/>
              <a:gd name="connsiteX15" fmla="*/ 4673744 w 5260975"/>
              <a:gd name="connsiteY15" fmla="*/ 686318 h 1410656"/>
              <a:gd name="connsiteX16" fmla="*/ 4633801 w 5260975"/>
              <a:gd name="connsiteY16" fmla="*/ 703505 h 1410656"/>
              <a:gd name="connsiteX17" fmla="*/ 4590499 w 5260975"/>
              <a:gd name="connsiteY17" fmla="*/ 730389 h 1410656"/>
              <a:gd name="connsiteX18" fmla="*/ 4559773 w 5260975"/>
              <a:gd name="connsiteY18" fmla="*/ 757081 h 1410656"/>
              <a:gd name="connsiteX19" fmla="*/ 4536059 w 5260975"/>
              <a:gd name="connsiteY19" fmla="*/ 774940 h 1410656"/>
              <a:gd name="connsiteX20" fmla="*/ 4502549 w 5260975"/>
              <a:gd name="connsiteY20" fmla="*/ 792895 h 1410656"/>
              <a:gd name="connsiteX21" fmla="*/ 4468944 w 5260975"/>
              <a:gd name="connsiteY21" fmla="*/ 816419 h 1410656"/>
              <a:gd name="connsiteX22" fmla="*/ 4452622 w 5260975"/>
              <a:gd name="connsiteY22" fmla="*/ 830917 h 1410656"/>
              <a:gd name="connsiteX23" fmla="*/ 4421032 w 5260975"/>
              <a:gd name="connsiteY23" fmla="*/ 855016 h 1410656"/>
              <a:gd name="connsiteX24" fmla="*/ 4388483 w 5260975"/>
              <a:gd name="connsiteY24" fmla="*/ 877484 h 1410656"/>
              <a:gd name="connsiteX25" fmla="*/ 4327321 w 5260975"/>
              <a:gd name="connsiteY25" fmla="*/ 903216 h 1410656"/>
              <a:gd name="connsiteX26" fmla="*/ 4271633 w 5260975"/>
              <a:gd name="connsiteY26" fmla="*/ 941046 h 1410656"/>
              <a:gd name="connsiteX27" fmla="*/ 4227465 w 5260975"/>
              <a:gd name="connsiteY27" fmla="*/ 968698 h 1410656"/>
              <a:gd name="connsiteX28" fmla="*/ 4201733 w 5260975"/>
              <a:gd name="connsiteY28" fmla="*/ 986846 h 1410656"/>
              <a:gd name="connsiteX29" fmla="*/ 4154494 w 5260975"/>
              <a:gd name="connsiteY29" fmla="*/ 1027364 h 1410656"/>
              <a:gd name="connsiteX30" fmla="*/ 4081234 w 5260975"/>
              <a:gd name="connsiteY30" fmla="*/ 1069994 h 1410656"/>
              <a:gd name="connsiteX31" fmla="*/ 4036971 w 5260975"/>
              <a:gd name="connsiteY31" fmla="*/ 1093038 h 1410656"/>
              <a:gd name="connsiteX32" fmla="*/ 3941725 w 5260975"/>
              <a:gd name="connsiteY32" fmla="*/ 1127796 h 1410656"/>
              <a:gd name="connsiteX33" fmla="*/ 3910999 w 5260975"/>
              <a:gd name="connsiteY33" fmla="*/ 1140182 h 1410656"/>
              <a:gd name="connsiteX34" fmla="*/ 3875859 w 5260975"/>
              <a:gd name="connsiteY34" fmla="*/ 1148343 h 1410656"/>
              <a:gd name="connsiteX35" fmla="*/ 3819401 w 5260975"/>
              <a:gd name="connsiteY35" fmla="*/ 1167642 h 1410656"/>
              <a:gd name="connsiteX36" fmla="*/ 3709176 w 5260975"/>
              <a:gd name="connsiteY36" fmla="*/ 1200863 h 1410656"/>
              <a:gd name="connsiteX37" fmla="*/ 3684981 w 5260975"/>
              <a:gd name="connsiteY37" fmla="*/ 1205952 h 1410656"/>
              <a:gd name="connsiteX38" fmla="*/ 3623338 w 5260975"/>
              <a:gd name="connsiteY38" fmla="*/ 1227363 h 1410656"/>
              <a:gd name="connsiteX39" fmla="*/ 3586373 w 5260975"/>
              <a:gd name="connsiteY39" fmla="*/ 1241765 h 1410656"/>
              <a:gd name="connsiteX40" fmla="*/ 3555743 w 5260975"/>
              <a:gd name="connsiteY40" fmla="*/ 1250023 h 1410656"/>
              <a:gd name="connsiteX41" fmla="*/ 3528667 w 5260975"/>
              <a:gd name="connsiteY41" fmla="*/ 1253864 h 1410656"/>
              <a:gd name="connsiteX42" fmla="*/ 3457424 w 5260975"/>
              <a:gd name="connsiteY42" fmla="*/ 1272874 h 1410656"/>
              <a:gd name="connsiteX43" fmla="*/ 3429003 w 5260975"/>
              <a:gd name="connsiteY43" fmla="*/ 1280364 h 1410656"/>
              <a:gd name="connsiteX44" fmla="*/ 3355264 w 5260975"/>
              <a:gd name="connsiteY44" fmla="*/ 1306096 h 1410656"/>
              <a:gd name="connsiteX45" fmla="*/ 3292757 w 5260975"/>
              <a:gd name="connsiteY45" fmla="*/ 1323090 h 1410656"/>
              <a:gd name="connsiteX46" fmla="*/ 3266643 w 5260975"/>
              <a:gd name="connsiteY46" fmla="*/ 1331251 h 1410656"/>
              <a:gd name="connsiteX47" fmla="*/ 3206921 w 5260975"/>
              <a:gd name="connsiteY47" fmla="*/ 1344886 h 1410656"/>
              <a:gd name="connsiteX48" fmla="*/ 3173123 w 5260975"/>
              <a:gd name="connsiteY48" fmla="*/ 1354488 h 1410656"/>
              <a:gd name="connsiteX49" fmla="*/ 3090646 w 5260975"/>
              <a:gd name="connsiteY49" fmla="*/ 1365337 h 1410656"/>
              <a:gd name="connsiteX50" fmla="*/ 3005480 w 5260975"/>
              <a:gd name="connsiteY50" fmla="*/ 1375802 h 1410656"/>
              <a:gd name="connsiteX51" fmla="*/ 2958721 w 5260975"/>
              <a:gd name="connsiteY51" fmla="*/ 1379259 h 1410656"/>
              <a:gd name="connsiteX52" fmla="*/ 2917915 w 5260975"/>
              <a:gd name="connsiteY52" fmla="*/ 1384733 h 1410656"/>
              <a:gd name="connsiteX53" fmla="*/ 2882389 w 5260975"/>
              <a:gd name="connsiteY53" fmla="*/ 1388189 h 1410656"/>
              <a:gd name="connsiteX54" fmla="*/ 2825837 w 5260975"/>
              <a:gd name="connsiteY54" fmla="*/ 1395198 h 1410656"/>
              <a:gd name="connsiteX55" fmla="*/ 2802313 w 5260975"/>
              <a:gd name="connsiteY55" fmla="*/ 1397023 h 1410656"/>
              <a:gd name="connsiteX56" fmla="*/ 2746816 w 5260975"/>
              <a:gd name="connsiteY56" fmla="*/ 1396926 h 1410656"/>
              <a:gd name="connsiteX57" fmla="*/ 2727517 w 5260975"/>
              <a:gd name="connsiteY57" fmla="*/ 1395966 h 1410656"/>
              <a:gd name="connsiteX58" fmla="*/ 2690359 w 5260975"/>
              <a:gd name="connsiteY58" fmla="*/ 1384060 h 1410656"/>
              <a:gd name="connsiteX59" fmla="*/ 2685943 w 5260975"/>
              <a:gd name="connsiteY59" fmla="*/ 1383196 h 1410656"/>
              <a:gd name="connsiteX60" fmla="*/ 2661554 w 5260975"/>
              <a:gd name="connsiteY60" fmla="*/ 1378491 h 1410656"/>
              <a:gd name="connsiteX61" fmla="*/ 2648208 w 5260975"/>
              <a:gd name="connsiteY61" fmla="*/ 1376955 h 1410656"/>
              <a:gd name="connsiteX62" fmla="*/ 2597512 w 5260975"/>
              <a:gd name="connsiteY62" fmla="*/ 1367162 h 1410656"/>
              <a:gd name="connsiteX63" fmla="*/ 2568324 w 5260975"/>
              <a:gd name="connsiteY63" fmla="*/ 1362553 h 1410656"/>
              <a:gd name="connsiteX64" fmla="*/ 2544704 w 5260975"/>
              <a:gd name="connsiteY64" fmla="*/ 1363225 h 1410656"/>
              <a:gd name="connsiteX65" fmla="*/ 2503225 w 5260975"/>
              <a:gd name="connsiteY65" fmla="*/ 1364089 h 1410656"/>
              <a:gd name="connsiteX66" fmla="*/ 2489975 w 5260975"/>
              <a:gd name="connsiteY66" fmla="*/ 1366298 h 1410656"/>
              <a:gd name="connsiteX67" fmla="*/ 2430061 w 5260975"/>
              <a:gd name="connsiteY67" fmla="*/ 1359960 h 1410656"/>
              <a:gd name="connsiteX68" fmla="*/ 2395880 w 5260975"/>
              <a:gd name="connsiteY68" fmla="*/ 1359480 h 1410656"/>
              <a:gd name="connsiteX69" fmla="*/ 2357378 w 5260975"/>
              <a:gd name="connsiteY69" fmla="*/ 1351607 h 1410656"/>
              <a:gd name="connsiteX70" fmla="*/ 2346145 w 5260975"/>
              <a:gd name="connsiteY70" fmla="*/ 1351991 h 1410656"/>
              <a:gd name="connsiteX71" fmla="*/ 2333567 w 5260975"/>
              <a:gd name="connsiteY71" fmla="*/ 1352663 h 1410656"/>
              <a:gd name="connsiteX72" fmla="*/ 2294968 w 5260975"/>
              <a:gd name="connsiteY72" fmla="*/ 1353240 h 1410656"/>
              <a:gd name="connsiteX73" fmla="*/ 2271540 w 5260975"/>
              <a:gd name="connsiteY73" fmla="*/ 1356120 h 1410656"/>
              <a:gd name="connsiteX74" fmla="*/ 2226895 w 5260975"/>
              <a:gd name="connsiteY74" fmla="*/ 1354392 h 1410656"/>
              <a:gd name="connsiteX75" fmla="*/ 2210379 w 5260975"/>
              <a:gd name="connsiteY75" fmla="*/ 1356888 h 1410656"/>
              <a:gd name="connsiteX76" fmla="*/ 2168613 w 5260975"/>
              <a:gd name="connsiteY76" fmla="*/ 1357176 h 1410656"/>
              <a:gd name="connsiteX77" fmla="*/ 2131167 w 5260975"/>
              <a:gd name="connsiteY77" fmla="*/ 1355736 h 1410656"/>
              <a:gd name="connsiteX78" fmla="*/ 2095065 w 5260975"/>
              <a:gd name="connsiteY78" fmla="*/ 1356504 h 1410656"/>
              <a:gd name="connsiteX79" fmla="*/ 2069237 w 5260975"/>
              <a:gd name="connsiteY79" fmla="*/ 1359672 h 1410656"/>
              <a:gd name="connsiteX80" fmla="*/ 2041201 w 5260975"/>
              <a:gd name="connsiteY80" fmla="*/ 1361592 h 1410656"/>
              <a:gd name="connsiteX81" fmla="*/ 1963909 w 5260975"/>
              <a:gd name="connsiteY81" fmla="*/ 1373018 h 1410656"/>
              <a:gd name="connsiteX82" fmla="*/ 1949603 w 5260975"/>
              <a:gd name="connsiteY82" fmla="*/ 1370234 h 1410656"/>
              <a:gd name="connsiteX83" fmla="*/ 1868373 w 5260975"/>
              <a:gd name="connsiteY83" fmla="*/ 1367641 h 1410656"/>
              <a:gd name="connsiteX84" fmla="*/ 1850707 w 5260975"/>
              <a:gd name="connsiteY84" fmla="*/ 1367834 h 1410656"/>
              <a:gd name="connsiteX85" fmla="*/ 1803275 w 5260975"/>
              <a:gd name="connsiteY85" fmla="*/ 1356504 h 1410656"/>
              <a:gd name="connsiteX86" fmla="*/ 1730112 w 5260975"/>
              <a:gd name="connsiteY86" fmla="*/ 1374459 h 1410656"/>
              <a:gd name="connsiteX87" fmla="*/ 1661652 w 5260975"/>
              <a:gd name="connsiteY87" fmla="*/ 1396926 h 1410656"/>
              <a:gd name="connsiteX88" fmla="*/ 1653011 w 5260975"/>
              <a:gd name="connsiteY88" fmla="*/ 1399807 h 1410656"/>
              <a:gd name="connsiteX89" fmla="*/ 1628431 w 5260975"/>
              <a:gd name="connsiteY89" fmla="*/ 1404704 h 1410656"/>
              <a:gd name="connsiteX90" fmla="*/ 1597995 w 5260975"/>
              <a:gd name="connsiteY90" fmla="*/ 1406432 h 1410656"/>
              <a:gd name="connsiteX91" fmla="*/ 1559396 w 5260975"/>
              <a:gd name="connsiteY91" fmla="*/ 1410656 h 1410656"/>
              <a:gd name="connsiteX92" fmla="*/ 1528480 w 5260975"/>
              <a:gd name="connsiteY92" fmla="*/ 1405375 h 1410656"/>
              <a:gd name="connsiteX93" fmla="*/ 1485272 w 5260975"/>
              <a:gd name="connsiteY93" fmla="*/ 1397502 h 1410656"/>
              <a:gd name="connsiteX94" fmla="*/ 1444562 w 5260975"/>
              <a:gd name="connsiteY94" fmla="*/ 1390013 h 1410656"/>
              <a:gd name="connsiteX95" fmla="*/ 1431696 w 5260975"/>
              <a:gd name="connsiteY95" fmla="*/ 1398846 h 1410656"/>
              <a:gd name="connsiteX96" fmla="*/ 1411821 w 5260975"/>
              <a:gd name="connsiteY96" fmla="*/ 1406527 h 1410656"/>
              <a:gd name="connsiteX97" fmla="*/ 1389738 w 5260975"/>
              <a:gd name="connsiteY97" fmla="*/ 1397310 h 1410656"/>
              <a:gd name="connsiteX98" fmla="*/ 1338081 w 5260975"/>
              <a:gd name="connsiteY98" fmla="*/ 1378204 h 1410656"/>
              <a:gd name="connsiteX99" fmla="*/ 1305436 w 5260975"/>
              <a:gd name="connsiteY99" fmla="*/ 1377339 h 1410656"/>
              <a:gd name="connsiteX100" fmla="*/ 1234481 w 5260975"/>
              <a:gd name="connsiteY100" fmla="*/ 1369178 h 1410656"/>
              <a:gd name="connsiteX101" fmla="*/ 1188106 w 5260975"/>
              <a:gd name="connsiteY101" fmla="*/ 1357560 h 1410656"/>
              <a:gd name="connsiteX102" fmla="*/ 1154790 w 5260975"/>
              <a:gd name="connsiteY102" fmla="*/ 1344406 h 1410656"/>
              <a:gd name="connsiteX103" fmla="*/ 1107069 w 5260975"/>
              <a:gd name="connsiteY103" fmla="*/ 1327219 h 1410656"/>
              <a:gd name="connsiteX104" fmla="*/ 1059158 w 5260975"/>
              <a:gd name="connsiteY104" fmla="*/ 1318290 h 1410656"/>
              <a:gd name="connsiteX105" fmla="*/ 1024496 w 5260975"/>
              <a:gd name="connsiteY105" fmla="*/ 1307056 h 1410656"/>
              <a:gd name="connsiteX106" fmla="*/ 982153 w 5260975"/>
              <a:gd name="connsiteY106" fmla="*/ 1299374 h 1410656"/>
              <a:gd name="connsiteX107" fmla="*/ 946628 w 5260975"/>
              <a:gd name="connsiteY107" fmla="*/ 1299087 h 1410656"/>
              <a:gd name="connsiteX108" fmla="*/ 890939 w 5260975"/>
              <a:gd name="connsiteY108" fmla="*/ 1300431 h 1410656"/>
              <a:gd name="connsiteX109" fmla="*/ 822769 w 5260975"/>
              <a:gd name="connsiteY109" fmla="*/ 1277196 h 1410656"/>
              <a:gd name="connsiteX110" fmla="*/ 795212 w 5260975"/>
              <a:gd name="connsiteY110" fmla="*/ 1272010 h 1410656"/>
              <a:gd name="connsiteX111" fmla="*/ 769288 w 5260975"/>
              <a:gd name="connsiteY111" fmla="*/ 1269610 h 1410656"/>
              <a:gd name="connsiteX112" fmla="*/ 714271 w 5260975"/>
              <a:gd name="connsiteY112" fmla="*/ 1254152 h 1410656"/>
              <a:gd name="connsiteX113" fmla="*/ 691900 w 5260975"/>
              <a:gd name="connsiteY113" fmla="*/ 1249062 h 1410656"/>
              <a:gd name="connsiteX114" fmla="*/ 660598 w 5260975"/>
              <a:gd name="connsiteY114" fmla="*/ 1249159 h 1410656"/>
              <a:gd name="connsiteX115" fmla="*/ 603662 w 5260975"/>
              <a:gd name="connsiteY115" fmla="*/ 1242054 h 1410656"/>
              <a:gd name="connsiteX116" fmla="*/ 546821 w 5260975"/>
              <a:gd name="connsiteY116" fmla="*/ 1221314 h 1410656"/>
              <a:gd name="connsiteX117" fmla="*/ 522721 w 5260975"/>
              <a:gd name="connsiteY117" fmla="*/ 1223330 h 1410656"/>
              <a:gd name="connsiteX118" fmla="*/ 514080 w 5260975"/>
              <a:gd name="connsiteY118" fmla="*/ 1222851 h 1410656"/>
              <a:gd name="connsiteX119" fmla="*/ 436404 w 5260975"/>
              <a:gd name="connsiteY119" fmla="*/ 1211424 h 1410656"/>
              <a:gd name="connsiteX120" fmla="*/ 428626 w 5260975"/>
              <a:gd name="connsiteY120" fmla="*/ 1210177 h 1410656"/>
              <a:gd name="connsiteX121" fmla="*/ 392141 w 5260975"/>
              <a:gd name="connsiteY121" fmla="*/ 1199999 h 1410656"/>
              <a:gd name="connsiteX122" fmla="*/ 300157 w 5260975"/>
              <a:gd name="connsiteY122" fmla="*/ 1193662 h 1410656"/>
              <a:gd name="connsiteX123" fmla="*/ 294493 w 5260975"/>
              <a:gd name="connsiteY123" fmla="*/ 1192894 h 1410656"/>
              <a:gd name="connsiteX124" fmla="*/ 263671 w 5260975"/>
              <a:gd name="connsiteY124" fmla="*/ 1197982 h 1410656"/>
              <a:gd name="connsiteX125" fmla="*/ 248406 w 5260975"/>
              <a:gd name="connsiteY125" fmla="*/ 1205184 h 1410656"/>
              <a:gd name="connsiteX126" fmla="*/ 224594 w 5260975"/>
              <a:gd name="connsiteY126" fmla="*/ 1212673 h 1410656"/>
              <a:gd name="connsiteX127" fmla="*/ 200398 w 5260975"/>
              <a:gd name="connsiteY127" fmla="*/ 1215458 h 1410656"/>
              <a:gd name="connsiteX128" fmla="*/ 159783 w 5260975"/>
              <a:gd name="connsiteY128" fmla="*/ 1204127 h 1410656"/>
              <a:gd name="connsiteX129" fmla="*/ 144997 w 5260975"/>
              <a:gd name="connsiteY129" fmla="*/ 1202975 h 1410656"/>
              <a:gd name="connsiteX130" fmla="*/ 112064 w 5260975"/>
              <a:gd name="connsiteY130" fmla="*/ 1197503 h 1410656"/>
              <a:gd name="connsiteX131" fmla="*/ 83259 w 5260975"/>
              <a:gd name="connsiteY131" fmla="*/ 1197887 h 1410656"/>
              <a:gd name="connsiteX132" fmla="*/ 60120 w 5260975"/>
              <a:gd name="connsiteY132" fmla="*/ 1206624 h 1410656"/>
              <a:gd name="connsiteX133" fmla="*/ 26514 w 5260975"/>
              <a:gd name="connsiteY133" fmla="*/ 1208352 h 1410656"/>
              <a:gd name="connsiteX134" fmla="*/ 4814 w 5260975"/>
              <a:gd name="connsiteY134" fmla="*/ 1202015 h 1410656"/>
              <a:gd name="connsiteX135" fmla="*/ 398 w 5260975"/>
              <a:gd name="connsiteY135" fmla="*/ 1201152 h 1410656"/>
              <a:gd name="connsiteX136" fmla="*/ 0 w 5260975"/>
              <a:gd name="connsiteY136" fmla="*/ 1201150 h 1410656"/>
              <a:gd name="connsiteX137" fmla="*/ 0 w 5260975"/>
              <a:gd name="connsiteY137" fmla="*/ 1004512 h 1410656"/>
              <a:gd name="connsiteX138" fmla="*/ 30355 w 5260975"/>
              <a:gd name="connsiteY138" fmla="*/ 1002784 h 1410656"/>
              <a:gd name="connsiteX139" fmla="*/ 52151 w 5260975"/>
              <a:gd name="connsiteY139" fmla="*/ 997695 h 1410656"/>
              <a:gd name="connsiteX140" fmla="*/ 64248 w 5260975"/>
              <a:gd name="connsiteY140" fmla="*/ 994430 h 1410656"/>
              <a:gd name="connsiteX141" fmla="*/ 126370 w 5260975"/>
              <a:gd name="connsiteY141" fmla="*/ 985405 h 1410656"/>
              <a:gd name="connsiteX142" fmla="*/ 154022 w 5260975"/>
              <a:gd name="connsiteY142" fmla="*/ 975708 h 1410656"/>
              <a:gd name="connsiteX143" fmla="*/ 161512 w 5260975"/>
              <a:gd name="connsiteY143" fmla="*/ 974268 h 1410656"/>
              <a:gd name="connsiteX144" fmla="*/ 202510 w 5260975"/>
              <a:gd name="connsiteY144" fmla="*/ 978300 h 1410656"/>
              <a:gd name="connsiteX145" fmla="*/ 233235 w 5260975"/>
              <a:gd name="connsiteY145" fmla="*/ 993950 h 1410656"/>
              <a:gd name="connsiteX146" fmla="*/ 239188 w 5260975"/>
              <a:gd name="connsiteY146" fmla="*/ 999231 h 1410656"/>
              <a:gd name="connsiteX147" fmla="*/ 324834 w 5260975"/>
              <a:gd name="connsiteY147" fmla="*/ 997407 h 1410656"/>
              <a:gd name="connsiteX148" fmla="*/ 337987 w 5260975"/>
              <a:gd name="connsiteY148" fmla="*/ 995198 h 1410656"/>
              <a:gd name="connsiteX149" fmla="*/ 401550 w 5260975"/>
              <a:gd name="connsiteY149" fmla="*/ 1004416 h 1410656"/>
              <a:gd name="connsiteX150" fmla="*/ 420081 w 5260975"/>
              <a:gd name="connsiteY150" fmla="*/ 1006240 h 1410656"/>
              <a:gd name="connsiteX151" fmla="*/ 486523 w 5260975"/>
              <a:gd name="connsiteY151" fmla="*/ 1014498 h 1410656"/>
              <a:gd name="connsiteX152" fmla="*/ 495932 w 5260975"/>
              <a:gd name="connsiteY152" fmla="*/ 1006817 h 1410656"/>
              <a:gd name="connsiteX153" fmla="*/ 523009 w 5260975"/>
              <a:gd name="connsiteY153" fmla="*/ 987517 h 1410656"/>
              <a:gd name="connsiteX154" fmla="*/ 576393 w 5260975"/>
              <a:gd name="connsiteY154" fmla="*/ 970427 h 1410656"/>
              <a:gd name="connsiteX155" fmla="*/ 590892 w 5260975"/>
              <a:gd name="connsiteY155" fmla="*/ 971387 h 1410656"/>
              <a:gd name="connsiteX156" fmla="*/ 627569 w 5260975"/>
              <a:gd name="connsiteY156" fmla="*/ 999904 h 1410656"/>
              <a:gd name="connsiteX157" fmla="*/ 645429 w 5260975"/>
              <a:gd name="connsiteY157" fmla="*/ 1011329 h 1410656"/>
              <a:gd name="connsiteX158" fmla="*/ 696125 w 5260975"/>
              <a:gd name="connsiteY158" fmla="*/ 1032356 h 1410656"/>
              <a:gd name="connsiteX159" fmla="*/ 700349 w 5260975"/>
              <a:gd name="connsiteY159" fmla="*/ 1036197 h 1410656"/>
              <a:gd name="connsiteX160" fmla="*/ 737795 w 5260975"/>
              <a:gd name="connsiteY160" fmla="*/ 1081804 h 1410656"/>
              <a:gd name="connsiteX161" fmla="*/ 746244 w 5260975"/>
              <a:gd name="connsiteY161" fmla="*/ 1089581 h 1410656"/>
              <a:gd name="connsiteX162" fmla="*/ 756422 w 5260975"/>
              <a:gd name="connsiteY162" fmla="*/ 1101680 h 1410656"/>
              <a:gd name="connsiteX163" fmla="*/ 788202 w 5260975"/>
              <a:gd name="connsiteY163" fmla="*/ 1125108 h 1410656"/>
              <a:gd name="connsiteX164" fmla="*/ 827569 w 5260975"/>
              <a:gd name="connsiteY164" fmla="*/ 1132596 h 1410656"/>
              <a:gd name="connsiteX165" fmla="*/ 875097 w 5260975"/>
              <a:gd name="connsiteY165" fmla="*/ 1144022 h 1410656"/>
              <a:gd name="connsiteX166" fmla="*/ 894972 w 5260975"/>
              <a:gd name="connsiteY166" fmla="*/ 1151704 h 1410656"/>
              <a:gd name="connsiteX167" fmla="*/ 948260 w 5260975"/>
              <a:gd name="connsiteY167" fmla="*/ 1166298 h 1410656"/>
              <a:gd name="connsiteX168" fmla="*/ 986282 w 5260975"/>
              <a:gd name="connsiteY168" fmla="*/ 1178588 h 1410656"/>
              <a:gd name="connsiteX169" fmla="*/ 1041107 w 5260975"/>
              <a:gd name="connsiteY169" fmla="*/ 1185789 h 1410656"/>
              <a:gd name="connsiteX170" fmla="*/ 1067703 w 5260975"/>
              <a:gd name="connsiteY170" fmla="*/ 1186076 h 1410656"/>
              <a:gd name="connsiteX171" fmla="*/ 1116574 w 5260975"/>
              <a:gd name="connsiteY171" fmla="*/ 1222946 h 1410656"/>
              <a:gd name="connsiteX172" fmla="*/ 1155557 w 5260975"/>
              <a:gd name="connsiteY172" fmla="*/ 1247335 h 1410656"/>
              <a:gd name="connsiteX173" fmla="*/ 1196556 w 5260975"/>
              <a:gd name="connsiteY173" fmla="*/ 1235525 h 1410656"/>
              <a:gd name="connsiteX174" fmla="*/ 1207693 w 5260975"/>
              <a:gd name="connsiteY174" fmla="*/ 1224387 h 1410656"/>
              <a:gd name="connsiteX175" fmla="*/ 1274904 w 5260975"/>
              <a:gd name="connsiteY175" fmla="*/ 1213826 h 1410656"/>
              <a:gd name="connsiteX176" fmla="*/ 1370919 w 5260975"/>
              <a:gd name="connsiteY176" fmla="*/ 1213442 h 1410656"/>
              <a:gd name="connsiteX177" fmla="*/ 1530593 w 5260975"/>
              <a:gd name="connsiteY177" fmla="*/ 1189437 h 1410656"/>
              <a:gd name="connsiteX178" fmla="*/ 1558436 w 5260975"/>
              <a:gd name="connsiteY178" fmla="*/ 1178299 h 1410656"/>
              <a:gd name="connsiteX179" fmla="*/ 1589737 w 5260975"/>
              <a:gd name="connsiteY179" fmla="*/ 1175515 h 1410656"/>
              <a:gd name="connsiteX180" fmla="*/ 1601740 w 5260975"/>
              <a:gd name="connsiteY180" fmla="*/ 1182333 h 1410656"/>
              <a:gd name="connsiteX181" fmla="*/ 1654259 w 5260975"/>
              <a:gd name="connsiteY181" fmla="*/ 1192510 h 1410656"/>
              <a:gd name="connsiteX182" fmla="*/ 1664246 w 5260975"/>
              <a:gd name="connsiteY182" fmla="*/ 1192702 h 1410656"/>
              <a:gd name="connsiteX183" fmla="*/ 1698427 w 5260975"/>
              <a:gd name="connsiteY183" fmla="*/ 1188381 h 1410656"/>
              <a:gd name="connsiteX184" fmla="*/ 1730112 w 5260975"/>
              <a:gd name="connsiteY184" fmla="*/ 1185885 h 1410656"/>
              <a:gd name="connsiteX185" fmla="*/ 1809996 w 5260975"/>
              <a:gd name="connsiteY185" fmla="*/ 1194046 h 1410656"/>
              <a:gd name="connsiteX186" fmla="*/ 1871254 w 5260975"/>
              <a:gd name="connsiteY186" fmla="*/ 1192126 h 1410656"/>
              <a:gd name="connsiteX187" fmla="*/ 1899482 w 5260975"/>
              <a:gd name="connsiteY187" fmla="*/ 1194046 h 1410656"/>
              <a:gd name="connsiteX188" fmla="*/ 1915420 w 5260975"/>
              <a:gd name="connsiteY188" fmla="*/ 1196927 h 1410656"/>
              <a:gd name="connsiteX189" fmla="*/ 1951522 w 5260975"/>
              <a:gd name="connsiteY189" fmla="*/ 1216994 h 1410656"/>
              <a:gd name="connsiteX190" fmla="*/ 1971302 w 5260975"/>
              <a:gd name="connsiteY190" fmla="*/ 1221507 h 1410656"/>
              <a:gd name="connsiteX191" fmla="*/ 2030831 w 5260975"/>
              <a:gd name="connsiteY191" fmla="*/ 1221123 h 1410656"/>
              <a:gd name="connsiteX192" fmla="*/ 2120125 w 5260975"/>
              <a:gd name="connsiteY192" fmla="*/ 1190878 h 1410656"/>
              <a:gd name="connsiteX193" fmla="*/ 2129439 w 5260975"/>
              <a:gd name="connsiteY193" fmla="*/ 1186845 h 1410656"/>
              <a:gd name="connsiteX194" fmla="*/ 2174854 w 5260975"/>
              <a:gd name="connsiteY194" fmla="*/ 1181852 h 1410656"/>
              <a:gd name="connsiteX195" fmla="*/ 2205674 w 5260975"/>
              <a:gd name="connsiteY195" fmla="*/ 1188669 h 1410656"/>
              <a:gd name="connsiteX196" fmla="*/ 2247634 w 5260975"/>
              <a:gd name="connsiteY196" fmla="*/ 1202784 h 1410656"/>
              <a:gd name="connsiteX197" fmla="*/ 2285367 w 5260975"/>
              <a:gd name="connsiteY197" fmla="*/ 1214594 h 1410656"/>
              <a:gd name="connsiteX198" fmla="*/ 2312827 w 5260975"/>
              <a:gd name="connsiteY198" fmla="*/ 1227939 h 1410656"/>
              <a:gd name="connsiteX199" fmla="*/ 2375622 w 5260975"/>
              <a:gd name="connsiteY199" fmla="*/ 1237733 h 1410656"/>
              <a:gd name="connsiteX200" fmla="*/ 2382151 w 5260975"/>
              <a:gd name="connsiteY200" fmla="*/ 1239365 h 1410656"/>
              <a:gd name="connsiteX201" fmla="*/ 2429390 w 5260975"/>
              <a:gd name="connsiteY201" fmla="*/ 1227459 h 1410656"/>
              <a:gd name="connsiteX202" fmla="*/ 2486134 w 5260975"/>
              <a:gd name="connsiteY202" fmla="*/ 1215362 h 1410656"/>
              <a:gd name="connsiteX203" fmla="*/ 2506394 w 5260975"/>
              <a:gd name="connsiteY203" fmla="*/ 1219490 h 1410656"/>
              <a:gd name="connsiteX204" fmla="*/ 2534142 w 5260975"/>
              <a:gd name="connsiteY204" fmla="*/ 1225347 h 1410656"/>
              <a:gd name="connsiteX205" fmla="*/ 2559874 w 5260975"/>
              <a:gd name="connsiteY205" fmla="*/ 1222275 h 1410656"/>
              <a:gd name="connsiteX206" fmla="*/ 2575525 w 5260975"/>
              <a:gd name="connsiteY206" fmla="*/ 1221987 h 1410656"/>
              <a:gd name="connsiteX207" fmla="*/ 2646960 w 5260975"/>
              <a:gd name="connsiteY207" fmla="*/ 1257896 h 1410656"/>
              <a:gd name="connsiteX208" fmla="*/ 2665107 w 5260975"/>
              <a:gd name="connsiteY208" fmla="*/ 1260873 h 1410656"/>
              <a:gd name="connsiteX209" fmla="*/ 2675381 w 5260975"/>
              <a:gd name="connsiteY209" fmla="*/ 1265290 h 1410656"/>
              <a:gd name="connsiteX210" fmla="*/ 2737311 w 5260975"/>
              <a:gd name="connsiteY210" fmla="*/ 1309841 h 1410656"/>
              <a:gd name="connsiteX211" fmla="*/ 2763619 w 5260975"/>
              <a:gd name="connsiteY211" fmla="*/ 1318866 h 1410656"/>
              <a:gd name="connsiteX212" fmla="*/ 2792519 w 5260975"/>
              <a:gd name="connsiteY212" fmla="*/ 1317041 h 1410656"/>
              <a:gd name="connsiteX213" fmla="*/ 2809226 w 5260975"/>
              <a:gd name="connsiteY213" fmla="*/ 1313777 h 1410656"/>
              <a:gd name="connsiteX214" fmla="*/ 2850705 w 5260975"/>
              <a:gd name="connsiteY214" fmla="*/ 1285452 h 1410656"/>
              <a:gd name="connsiteX215" fmla="*/ 2874324 w 5260975"/>
              <a:gd name="connsiteY215" fmla="*/ 1286413 h 1410656"/>
              <a:gd name="connsiteX216" fmla="*/ 2911194 w 5260975"/>
              <a:gd name="connsiteY216" fmla="*/ 1305903 h 1410656"/>
              <a:gd name="connsiteX217" fmla="*/ 2978116 w 5260975"/>
              <a:gd name="connsiteY217" fmla="*/ 1314641 h 1410656"/>
              <a:gd name="connsiteX218" fmla="*/ 3012106 w 5260975"/>
              <a:gd name="connsiteY218" fmla="*/ 1287373 h 1410656"/>
              <a:gd name="connsiteX219" fmla="*/ 3029676 w 5260975"/>
              <a:gd name="connsiteY219" fmla="*/ 1261161 h 1410656"/>
              <a:gd name="connsiteX220" fmla="*/ 3080469 w 5260975"/>
              <a:gd name="connsiteY220" fmla="*/ 1230724 h 1410656"/>
              <a:gd name="connsiteX221" fmla="*/ 3092567 w 5260975"/>
              <a:gd name="connsiteY221" fmla="*/ 1242054 h 1410656"/>
              <a:gd name="connsiteX222" fmla="*/ 3129821 w 5260975"/>
              <a:gd name="connsiteY222" fmla="*/ 1246855 h 1410656"/>
              <a:gd name="connsiteX223" fmla="*/ 3170147 w 5260975"/>
              <a:gd name="connsiteY223" fmla="*/ 1246471 h 1410656"/>
              <a:gd name="connsiteX224" fmla="*/ 3240429 w 5260975"/>
              <a:gd name="connsiteY224" fmla="*/ 1251559 h 1410656"/>
              <a:gd name="connsiteX225" fmla="*/ 3287189 w 5260975"/>
              <a:gd name="connsiteY225" fmla="*/ 1222466 h 1410656"/>
              <a:gd name="connsiteX226" fmla="*/ 3305049 w 5260975"/>
              <a:gd name="connsiteY226" fmla="*/ 1210465 h 1410656"/>
              <a:gd name="connsiteX227" fmla="*/ 3321755 w 5260975"/>
              <a:gd name="connsiteY227" fmla="*/ 1202784 h 1410656"/>
              <a:gd name="connsiteX228" fmla="*/ 3341055 w 5260975"/>
              <a:gd name="connsiteY228" fmla="*/ 1198463 h 1410656"/>
              <a:gd name="connsiteX229" fmla="*/ 3387621 w 5260975"/>
              <a:gd name="connsiteY229" fmla="*/ 1182140 h 1410656"/>
              <a:gd name="connsiteX230" fmla="*/ 3413161 w 5260975"/>
              <a:gd name="connsiteY230" fmla="*/ 1166105 h 1410656"/>
              <a:gd name="connsiteX231" fmla="*/ 3470579 w 5260975"/>
              <a:gd name="connsiteY231" fmla="*/ 1150647 h 1410656"/>
              <a:gd name="connsiteX232" fmla="*/ 3509657 w 5260975"/>
              <a:gd name="connsiteY232" fmla="*/ 1136821 h 1410656"/>
              <a:gd name="connsiteX233" fmla="*/ 3550847 w 5260975"/>
              <a:gd name="connsiteY233" fmla="*/ 1113009 h 1410656"/>
              <a:gd name="connsiteX234" fmla="*/ 3556608 w 5260975"/>
              <a:gd name="connsiteY234" fmla="*/ 1109361 h 1410656"/>
              <a:gd name="connsiteX235" fmla="*/ 3570435 w 5260975"/>
              <a:gd name="connsiteY235" fmla="*/ 1093710 h 1410656"/>
              <a:gd name="connsiteX236" fmla="*/ 3590501 w 5260975"/>
              <a:gd name="connsiteY236" fmla="*/ 1039846 h 1410656"/>
              <a:gd name="connsiteX237" fmla="*/ 3596263 w 5260975"/>
              <a:gd name="connsiteY237" fmla="*/ 1028900 h 1410656"/>
              <a:gd name="connsiteX238" fmla="*/ 3648591 w 5260975"/>
              <a:gd name="connsiteY238" fmla="*/ 992030 h 1410656"/>
              <a:gd name="connsiteX239" fmla="*/ 3667986 w 5260975"/>
              <a:gd name="connsiteY239" fmla="*/ 995487 h 1410656"/>
              <a:gd name="connsiteX240" fmla="*/ 3689397 w 5260975"/>
              <a:gd name="connsiteY240" fmla="*/ 1007585 h 1410656"/>
              <a:gd name="connsiteX241" fmla="*/ 3736349 w 5260975"/>
              <a:gd name="connsiteY241" fmla="*/ 1010753 h 1410656"/>
              <a:gd name="connsiteX242" fmla="*/ 3753919 w 5260975"/>
              <a:gd name="connsiteY242" fmla="*/ 1004513 h 1410656"/>
              <a:gd name="connsiteX243" fmla="*/ 3784643 w 5260975"/>
              <a:gd name="connsiteY243" fmla="*/ 987710 h 1410656"/>
              <a:gd name="connsiteX244" fmla="*/ 3808359 w 5260975"/>
              <a:gd name="connsiteY244" fmla="*/ 961689 h 1410656"/>
              <a:gd name="connsiteX245" fmla="*/ 3842829 w 5260975"/>
              <a:gd name="connsiteY245" fmla="*/ 918674 h 1410656"/>
              <a:gd name="connsiteX246" fmla="*/ 3908983 w 5260975"/>
              <a:gd name="connsiteY246" fmla="*/ 902256 h 1410656"/>
              <a:gd name="connsiteX247" fmla="*/ 3934428 w 5260975"/>
              <a:gd name="connsiteY247" fmla="*/ 896783 h 1410656"/>
              <a:gd name="connsiteX248" fmla="*/ 4026987 w 5260975"/>
              <a:gd name="connsiteY248" fmla="*/ 873835 h 1410656"/>
              <a:gd name="connsiteX249" fmla="*/ 4035051 w 5260975"/>
              <a:gd name="connsiteY249" fmla="*/ 873067 h 1410656"/>
              <a:gd name="connsiteX250" fmla="*/ 4099189 w 5260975"/>
              <a:gd name="connsiteY250" fmla="*/ 846664 h 1410656"/>
              <a:gd name="connsiteX251" fmla="*/ 4114647 w 5260975"/>
              <a:gd name="connsiteY251" fmla="*/ 840134 h 1410656"/>
              <a:gd name="connsiteX252" fmla="*/ 4133563 w 5260975"/>
              <a:gd name="connsiteY252" fmla="*/ 823427 h 1410656"/>
              <a:gd name="connsiteX253" fmla="*/ 4151039 w 5260975"/>
              <a:gd name="connsiteY253" fmla="*/ 776284 h 1410656"/>
              <a:gd name="connsiteX254" fmla="*/ 4171489 w 5260975"/>
              <a:gd name="connsiteY254" fmla="*/ 754776 h 1410656"/>
              <a:gd name="connsiteX255" fmla="*/ 4186372 w 5260975"/>
              <a:gd name="connsiteY255" fmla="*/ 741718 h 1410656"/>
              <a:gd name="connsiteX256" fmla="*/ 4199429 w 5260975"/>
              <a:gd name="connsiteY256" fmla="*/ 721940 h 1410656"/>
              <a:gd name="connsiteX257" fmla="*/ 4212487 w 5260975"/>
              <a:gd name="connsiteY257" fmla="*/ 674604 h 1410656"/>
              <a:gd name="connsiteX258" fmla="*/ 4232555 w 5260975"/>
              <a:gd name="connsiteY258" fmla="*/ 632645 h 1410656"/>
              <a:gd name="connsiteX259" fmla="*/ 4268657 w 5260975"/>
              <a:gd name="connsiteY259" fmla="*/ 609410 h 1410656"/>
              <a:gd name="connsiteX260" fmla="*/ 4291028 w 5260975"/>
              <a:gd name="connsiteY260" fmla="*/ 597216 h 1410656"/>
              <a:gd name="connsiteX261" fmla="*/ 4379651 w 5260975"/>
              <a:gd name="connsiteY261" fmla="*/ 609506 h 1410656"/>
              <a:gd name="connsiteX262" fmla="*/ 4440139 w 5260975"/>
              <a:gd name="connsiteY262" fmla="*/ 621507 h 1410656"/>
              <a:gd name="connsiteX263" fmla="*/ 4460015 w 5260975"/>
              <a:gd name="connsiteY263" fmla="*/ 616899 h 1410656"/>
              <a:gd name="connsiteX264" fmla="*/ 4516183 w 5260975"/>
              <a:gd name="connsiteY264" fmla="*/ 577724 h 1410656"/>
              <a:gd name="connsiteX265" fmla="*/ 4571681 w 5260975"/>
              <a:gd name="connsiteY265" fmla="*/ 560250 h 1410656"/>
              <a:gd name="connsiteX266" fmla="*/ 4613447 w 5260975"/>
              <a:gd name="connsiteY266" fmla="*/ 555257 h 1410656"/>
              <a:gd name="connsiteX267" fmla="*/ 4649355 w 5260975"/>
              <a:gd name="connsiteY267" fmla="*/ 551417 h 1410656"/>
              <a:gd name="connsiteX268" fmla="*/ 4692467 w 5260975"/>
              <a:gd name="connsiteY268" fmla="*/ 540663 h 1410656"/>
              <a:gd name="connsiteX269" fmla="*/ 4716855 w 5260975"/>
              <a:gd name="connsiteY269" fmla="*/ 528949 h 1410656"/>
              <a:gd name="connsiteX270" fmla="*/ 4755645 w 5260975"/>
              <a:gd name="connsiteY270" fmla="*/ 512147 h 1410656"/>
              <a:gd name="connsiteX271" fmla="*/ 4795395 w 5260975"/>
              <a:gd name="connsiteY271" fmla="*/ 490351 h 1410656"/>
              <a:gd name="connsiteX272" fmla="*/ 4825928 w 5260975"/>
              <a:gd name="connsiteY272" fmla="*/ 459818 h 1410656"/>
              <a:gd name="connsiteX273" fmla="*/ 4842347 w 5260975"/>
              <a:gd name="connsiteY273" fmla="*/ 434086 h 1410656"/>
              <a:gd name="connsiteX274" fmla="*/ 4890451 w 5260975"/>
              <a:gd name="connsiteY274" fmla="*/ 397216 h 1410656"/>
              <a:gd name="connsiteX275" fmla="*/ 4933945 w 5260975"/>
              <a:gd name="connsiteY275" fmla="*/ 327701 h 1410656"/>
              <a:gd name="connsiteX276" fmla="*/ 4961214 w 5260975"/>
              <a:gd name="connsiteY276" fmla="*/ 298801 h 1410656"/>
              <a:gd name="connsiteX277" fmla="*/ 4976672 w 5260975"/>
              <a:gd name="connsiteY277" fmla="*/ 290639 h 1410656"/>
              <a:gd name="connsiteX278" fmla="*/ 5002979 w 5260975"/>
              <a:gd name="connsiteY278" fmla="*/ 270573 h 1410656"/>
              <a:gd name="connsiteX279" fmla="*/ 5018535 w 5260975"/>
              <a:gd name="connsiteY279" fmla="*/ 255690 h 1410656"/>
              <a:gd name="connsiteX280" fmla="*/ 5061069 w 5260975"/>
              <a:gd name="connsiteY280" fmla="*/ 200961 h 1410656"/>
              <a:gd name="connsiteX281" fmla="*/ 5074127 w 5260975"/>
              <a:gd name="connsiteY281" fmla="*/ 184735 h 1410656"/>
              <a:gd name="connsiteX282" fmla="*/ 5101108 w 5260975"/>
              <a:gd name="connsiteY282" fmla="*/ 156891 h 1410656"/>
              <a:gd name="connsiteX283" fmla="*/ 5112918 w 5260975"/>
              <a:gd name="connsiteY283" fmla="*/ 148441 h 1410656"/>
              <a:gd name="connsiteX284" fmla="*/ 5133753 w 5260975"/>
              <a:gd name="connsiteY284" fmla="*/ 125782 h 1410656"/>
              <a:gd name="connsiteX285" fmla="*/ 5183393 w 5260975"/>
              <a:gd name="connsiteY285" fmla="*/ 66348 h 1410656"/>
              <a:gd name="connsiteX286" fmla="*/ 5204709 w 5260975"/>
              <a:gd name="connsiteY286" fmla="*/ 33030 h 1410656"/>
              <a:gd name="connsiteX287" fmla="*/ 5247243 w 5260975"/>
              <a:gd name="connsiteY287" fmla="*/ 8451 h 14106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</a:cxnLst>
            <a:rect l="l" t="t" r="r" b="b"/>
            <a:pathLst>
              <a:path w="5260975" h="1410656">
                <a:moveTo>
                  <a:pt x="5260975" y="0"/>
                </a:moveTo>
                <a:lnTo>
                  <a:pt x="5260975" y="221634"/>
                </a:lnTo>
                <a:lnTo>
                  <a:pt x="5226503" y="237063"/>
                </a:lnTo>
                <a:cubicBezTo>
                  <a:pt x="5219783" y="239848"/>
                  <a:pt x="5212389" y="241384"/>
                  <a:pt x="5206341" y="245128"/>
                </a:cubicBezTo>
                <a:cubicBezTo>
                  <a:pt x="5178495" y="262219"/>
                  <a:pt x="5151515" y="280654"/>
                  <a:pt x="5123287" y="297073"/>
                </a:cubicBezTo>
                <a:cubicBezTo>
                  <a:pt x="5094195" y="314067"/>
                  <a:pt x="5068175" y="334134"/>
                  <a:pt x="5048107" y="361307"/>
                </a:cubicBezTo>
                <a:cubicBezTo>
                  <a:pt x="5029480" y="386559"/>
                  <a:pt x="5011429" y="412194"/>
                  <a:pt x="4992899" y="437542"/>
                </a:cubicBezTo>
                <a:cubicBezTo>
                  <a:pt x="4988194" y="443975"/>
                  <a:pt x="4983873" y="451561"/>
                  <a:pt x="4977440" y="455690"/>
                </a:cubicBezTo>
                <a:cubicBezTo>
                  <a:pt x="4964094" y="464331"/>
                  <a:pt x="4949499" y="471340"/>
                  <a:pt x="4935193" y="478445"/>
                </a:cubicBezTo>
                <a:cubicBezTo>
                  <a:pt x="4922903" y="484494"/>
                  <a:pt x="4909845" y="489006"/>
                  <a:pt x="4897844" y="495535"/>
                </a:cubicBezTo>
                <a:cubicBezTo>
                  <a:pt x="4888243" y="500721"/>
                  <a:pt x="4879697" y="507922"/>
                  <a:pt x="4870767" y="514451"/>
                </a:cubicBezTo>
                <a:cubicBezTo>
                  <a:pt x="4862990" y="520115"/>
                  <a:pt x="4854445" y="525012"/>
                  <a:pt x="4847916" y="531830"/>
                </a:cubicBezTo>
                <a:cubicBezTo>
                  <a:pt x="4831977" y="548344"/>
                  <a:pt x="4815942" y="564571"/>
                  <a:pt x="4796163" y="576765"/>
                </a:cubicBezTo>
                <a:cubicBezTo>
                  <a:pt x="4776672" y="588862"/>
                  <a:pt x="4758237" y="602401"/>
                  <a:pt x="4738843" y="614691"/>
                </a:cubicBezTo>
                <a:cubicBezTo>
                  <a:pt x="4719831" y="626693"/>
                  <a:pt x="4702645" y="639846"/>
                  <a:pt x="4692755" y="661162"/>
                </a:cubicBezTo>
                <a:cubicBezTo>
                  <a:pt x="4688339" y="670571"/>
                  <a:pt x="4682097" y="680845"/>
                  <a:pt x="4673744" y="686318"/>
                </a:cubicBezTo>
                <a:cubicBezTo>
                  <a:pt x="4661838" y="694095"/>
                  <a:pt x="4646764" y="696880"/>
                  <a:pt x="4633801" y="703505"/>
                </a:cubicBezTo>
                <a:cubicBezTo>
                  <a:pt x="4618535" y="711282"/>
                  <a:pt x="4600869" y="718003"/>
                  <a:pt x="4590499" y="730389"/>
                </a:cubicBezTo>
                <a:cubicBezTo>
                  <a:pt x="4581281" y="741431"/>
                  <a:pt x="4571968" y="750072"/>
                  <a:pt x="4559773" y="757081"/>
                </a:cubicBezTo>
                <a:cubicBezTo>
                  <a:pt x="4551229" y="761978"/>
                  <a:pt x="4544892" y="770907"/>
                  <a:pt x="4536059" y="774940"/>
                </a:cubicBezTo>
                <a:cubicBezTo>
                  <a:pt x="4524441" y="780317"/>
                  <a:pt x="4512727" y="784542"/>
                  <a:pt x="4502549" y="792895"/>
                </a:cubicBezTo>
                <a:cubicBezTo>
                  <a:pt x="4491987" y="801536"/>
                  <a:pt x="4479986" y="808353"/>
                  <a:pt x="4468944" y="816419"/>
                </a:cubicBezTo>
                <a:cubicBezTo>
                  <a:pt x="4463087" y="820739"/>
                  <a:pt x="4458286" y="826404"/>
                  <a:pt x="4452622" y="830917"/>
                </a:cubicBezTo>
                <a:cubicBezTo>
                  <a:pt x="4442252" y="839174"/>
                  <a:pt x="4431690" y="847239"/>
                  <a:pt x="4421032" y="855016"/>
                </a:cubicBezTo>
                <a:cubicBezTo>
                  <a:pt x="4410375" y="862794"/>
                  <a:pt x="4400197" y="871819"/>
                  <a:pt x="4388483" y="877484"/>
                </a:cubicBezTo>
                <a:cubicBezTo>
                  <a:pt x="4368513" y="887086"/>
                  <a:pt x="4346717" y="892847"/>
                  <a:pt x="4327321" y="903216"/>
                </a:cubicBezTo>
                <a:cubicBezTo>
                  <a:pt x="4307639" y="913777"/>
                  <a:pt x="4289107" y="927028"/>
                  <a:pt x="4271633" y="941046"/>
                </a:cubicBezTo>
                <a:cubicBezTo>
                  <a:pt x="4257807" y="952088"/>
                  <a:pt x="4244845" y="963034"/>
                  <a:pt x="4227465" y="968698"/>
                </a:cubicBezTo>
                <a:cubicBezTo>
                  <a:pt x="4217768" y="971867"/>
                  <a:pt x="4207591" y="978780"/>
                  <a:pt x="4201733" y="986846"/>
                </a:cubicBezTo>
                <a:cubicBezTo>
                  <a:pt x="4189059" y="1004416"/>
                  <a:pt x="4172833" y="1016802"/>
                  <a:pt x="4154494" y="1027364"/>
                </a:cubicBezTo>
                <a:cubicBezTo>
                  <a:pt x="4130010" y="1041574"/>
                  <a:pt x="4105814" y="1056072"/>
                  <a:pt x="4081234" y="1069994"/>
                </a:cubicBezTo>
                <a:cubicBezTo>
                  <a:pt x="4066737" y="1078252"/>
                  <a:pt x="4052335" y="1086989"/>
                  <a:pt x="4036971" y="1093038"/>
                </a:cubicBezTo>
                <a:cubicBezTo>
                  <a:pt x="4005575" y="1105520"/>
                  <a:pt x="3973410" y="1116177"/>
                  <a:pt x="3941725" y="1127796"/>
                </a:cubicBezTo>
                <a:cubicBezTo>
                  <a:pt x="3931355" y="1131540"/>
                  <a:pt x="3921561" y="1136917"/>
                  <a:pt x="3910999" y="1140182"/>
                </a:cubicBezTo>
                <a:cubicBezTo>
                  <a:pt x="3899573" y="1143734"/>
                  <a:pt x="3887285" y="1144790"/>
                  <a:pt x="3875859" y="1148343"/>
                </a:cubicBezTo>
                <a:cubicBezTo>
                  <a:pt x="3856847" y="1154199"/>
                  <a:pt x="3838412" y="1161689"/>
                  <a:pt x="3819401" y="1167642"/>
                </a:cubicBezTo>
                <a:cubicBezTo>
                  <a:pt x="3782723" y="1179068"/>
                  <a:pt x="3745949" y="1190014"/>
                  <a:pt x="3709176" y="1200863"/>
                </a:cubicBezTo>
                <a:cubicBezTo>
                  <a:pt x="3701303" y="1203168"/>
                  <a:pt x="3692757" y="1203456"/>
                  <a:pt x="3684981" y="1205952"/>
                </a:cubicBezTo>
                <a:cubicBezTo>
                  <a:pt x="3664337" y="1212673"/>
                  <a:pt x="3643789" y="1219970"/>
                  <a:pt x="3623338" y="1227363"/>
                </a:cubicBezTo>
                <a:cubicBezTo>
                  <a:pt x="3610953" y="1231876"/>
                  <a:pt x="3598854" y="1237445"/>
                  <a:pt x="3586373" y="1241765"/>
                </a:cubicBezTo>
                <a:cubicBezTo>
                  <a:pt x="3576387" y="1245222"/>
                  <a:pt x="3566113" y="1247910"/>
                  <a:pt x="3555743" y="1250023"/>
                </a:cubicBezTo>
                <a:cubicBezTo>
                  <a:pt x="3546814" y="1251848"/>
                  <a:pt x="3537501" y="1251655"/>
                  <a:pt x="3528667" y="1253864"/>
                </a:cubicBezTo>
                <a:cubicBezTo>
                  <a:pt x="3504759" y="1259816"/>
                  <a:pt x="3481140" y="1266538"/>
                  <a:pt x="3457424" y="1272874"/>
                </a:cubicBezTo>
                <a:cubicBezTo>
                  <a:pt x="3447919" y="1275371"/>
                  <a:pt x="3438221" y="1277196"/>
                  <a:pt x="3429003" y="1280364"/>
                </a:cubicBezTo>
                <a:cubicBezTo>
                  <a:pt x="3404327" y="1288717"/>
                  <a:pt x="3380036" y="1298222"/>
                  <a:pt x="3355264" y="1306096"/>
                </a:cubicBezTo>
                <a:cubicBezTo>
                  <a:pt x="3334717" y="1312625"/>
                  <a:pt x="3313593" y="1317329"/>
                  <a:pt x="3292757" y="1323090"/>
                </a:cubicBezTo>
                <a:cubicBezTo>
                  <a:pt x="3283924" y="1325587"/>
                  <a:pt x="3275475" y="1329140"/>
                  <a:pt x="3266643" y="1331251"/>
                </a:cubicBezTo>
                <a:cubicBezTo>
                  <a:pt x="3246863" y="1336053"/>
                  <a:pt x="3226796" y="1340085"/>
                  <a:pt x="3206921" y="1344886"/>
                </a:cubicBezTo>
                <a:cubicBezTo>
                  <a:pt x="3195590" y="1347670"/>
                  <a:pt x="3184645" y="1352663"/>
                  <a:pt x="3173123" y="1354488"/>
                </a:cubicBezTo>
                <a:cubicBezTo>
                  <a:pt x="3145759" y="1358808"/>
                  <a:pt x="3118203" y="1361880"/>
                  <a:pt x="3090646" y="1365337"/>
                </a:cubicBezTo>
                <a:cubicBezTo>
                  <a:pt x="3062227" y="1368889"/>
                  <a:pt x="3033902" y="1372634"/>
                  <a:pt x="3005480" y="1375802"/>
                </a:cubicBezTo>
                <a:cubicBezTo>
                  <a:pt x="2989926" y="1377435"/>
                  <a:pt x="2974275" y="1377723"/>
                  <a:pt x="2958721" y="1379259"/>
                </a:cubicBezTo>
                <a:cubicBezTo>
                  <a:pt x="2945087" y="1380604"/>
                  <a:pt x="2931549" y="1383100"/>
                  <a:pt x="2917915" y="1384733"/>
                </a:cubicBezTo>
                <a:cubicBezTo>
                  <a:pt x="2906105" y="1386076"/>
                  <a:pt x="2894199" y="1386844"/>
                  <a:pt x="2882389" y="1388189"/>
                </a:cubicBezTo>
                <a:cubicBezTo>
                  <a:pt x="2863475" y="1390397"/>
                  <a:pt x="2844655" y="1392894"/>
                  <a:pt x="2825837" y="1395198"/>
                </a:cubicBezTo>
                <a:cubicBezTo>
                  <a:pt x="2817964" y="1396062"/>
                  <a:pt x="2809706" y="1398462"/>
                  <a:pt x="2802313" y="1397023"/>
                </a:cubicBezTo>
                <a:cubicBezTo>
                  <a:pt x="2783686" y="1393373"/>
                  <a:pt x="2765347" y="1394430"/>
                  <a:pt x="2746816" y="1396926"/>
                </a:cubicBezTo>
                <a:cubicBezTo>
                  <a:pt x="2740479" y="1397791"/>
                  <a:pt x="2733662" y="1397598"/>
                  <a:pt x="2727517" y="1395966"/>
                </a:cubicBezTo>
                <a:cubicBezTo>
                  <a:pt x="2714939" y="1392701"/>
                  <a:pt x="2702745" y="1388092"/>
                  <a:pt x="2690359" y="1384060"/>
                </a:cubicBezTo>
                <a:cubicBezTo>
                  <a:pt x="2689014" y="1383580"/>
                  <a:pt x="2687382" y="1383484"/>
                  <a:pt x="2685943" y="1383196"/>
                </a:cubicBezTo>
                <a:cubicBezTo>
                  <a:pt x="2677781" y="1381563"/>
                  <a:pt x="2669717" y="1379931"/>
                  <a:pt x="2661554" y="1378491"/>
                </a:cubicBezTo>
                <a:cubicBezTo>
                  <a:pt x="2657138" y="1377723"/>
                  <a:pt x="2652625" y="1377627"/>
                  <a:pt x="2648208" y="1376955"/>
                </a:cubicBezTo>
                <a:cubicBezTo>
                  <a:pt x="2631118" y="1374266"/>
                  <a:pt x="2612299" y="1378779"/>
                  <a:pt x="2597512" y="1367162"/>
                </a:cubicBezTo>
                <a:cubicBezTo>
                  <a:pt x="2587911" y="1359672"/>
                  <a:pt x="2578597" y="1361401"/>
                  <a:pt x="2568324" y="1362553"/>
                </a:cubicBezTo>
                <a:cubicBezTo>
                  <a:pt x="2560547" y="1363417"/>
                  <a:pt x="2552577" y="1363128"/>
                  <a:pt x="2544704" y="1363225"/>
                </a:cubicBezTo>
                <a:cubicBezTo>
                  <a:pt x="2530878" y="1363512"/>
                  <a:pt x="2517052" y="1363609"/>
                  <a:pt x="2503225" y="1364089"/>
                </a:cubicBezTo>
                <a:cubicBezTo>
                  <a:pt x="2498808" y="1364281"/>
                  <a:pt x="2494297" y="1366682"/>
                  <a:pt x="2489975" y="1366298"/>
                </a:cubicBezTo>
                <a:cubicBezTo>
                  <a:pt x="2470004" y="1364473"/>
                  <a:pt x="2450033" y="1361592"/>
                  <a:pt x="2430061" y="1359960"/>
                </a:cubicBezTo>
                <a:cubicBezTo>
                  <a:pt x="2418732" y="1359001"/>
                  <a:pt x="2407114" y="1360824"/>
                  <a:pt x="2395880" y="1359480"/>
                </a:cubicBezTo>
                <a:cubicBezTo>
                  <a:pt x="2382919" y="1357944"/>
                  <a:pt x="2370245" y="1354008"/>
                  <a:pt x="2357378" y="1351607"/>
                </a:cubicBezTo>
                <a:cubicBezTo>
                  <a:pt x="2353826" y="1350935"/>
                  <a:pt x="2349889" y="1351799"/>
                  <a:pt x="2346145" y="1351991"/>
                </a:cubicBezTo>
                <a:cubicBezTo>
                  <a:pt x="2341920" y="1352183"/>
                  <a:pt x="2337791" y="1352567"/>
                  <a:pt x="2333567" y="1352663"/>
                </a:cubicBezTo>
                <a:cubicBezTo>
                  <a:pt x="2320700" y="1352856"/>
                  <a:pt x="2307835" y="1352567"/>
                  <a:pt x="2294968" y="1353240"/>
                </a:cubicBezTo>
                <a:cubicBezTo>
                  <a:pt x="2287095" y="1353624"/>
                  <a:pt x="2278839" y="1357560"/>
                  <a:pt x="2271540" y="1356120"/>
                </a:cubicBezTo>
                <a:cubicBezTo>
                  <a:pt x="2256659" y="1353335"/>
                  <a:pt x="2241776" y="1359576"/>
                  <a:pt x="2226895" y="1354392"/>
                </a:cubicBezTo>
                <a:cubicBezTo>
                  <a:pt x="2222285" y="1352856"/>
                  <a:pt x="2215948" y="1356696"/>
                  <a:pt x="2210379" y="1356888"/>
                </a:cubicBezTo>
                <a:cubicBezTo>
                  <a:pt x="2196457" y="1357368"/>
                  <a:pt x="2182535" y="1357272"/>
                  <a:pt x="2168613" y="1357176"/>
                </a:cubicBezTo>
                <a:cubicBezTo>
                  <a:pt x="2156131" y="1357080"/>
                  <a:pt x="2143168" y="1358424"/>
                  <a:pt x="2131167" y="1355736"/>
                </a:cubicBezTo>
                <a:cubicBezTo>
                  <a:pt x="2118588" y="1352856"/>
                  <a:pt x="2107259" y="1353240"/>
                  <a:pt x="2095065" y="1356504"/>
                </a:cubicBezTo>
                <a:cubicBezTo>
                  <a:pt x="2086711" y="1358712"/>
                  <a:pt x="2077878" y="1359001"/>
                  <a:pt x="2069237" y="1359672"/>
                </a:cubicBezTo>
                <a:cubicBezTo>
                  <a:pt x="2059924" y="1360440"/>
                  <a:pt x="2049650" y="1358424"/>
                  <a:pt x="2041201" y="1361592"/>
                </a:cubicBezTo>
                <a:cubicBezTo>
                  <a:pt x="2016044" y="1371002"/>
                  <a:pt x="1990216" y="1373018"/>
                  <a:pt x="1963909" y="1373018"/>
                </a:cubicBezTo>
                <a:cubicBezTo>
                  <a:pt x="1959107" y="1373018"/>
                  <a:pt x="1954210" y="1371675"/>
                  <a:pt x="1949603" y="1370234"/>
                </a:cubicBezTo>
                <a:cubicBezTo>
                  <a:pt x="1922717" y="1361592"/>
                  <a:pt x="1895737" y="1362360"/>
                  <a:pt x="1868373" y="1367641"/>
                </a:cubicBezTo>
                <a:cubicBezTo>
                  <a:pt x="1862708" y="1368794"/>
                  <a:pt x="1856372" y="1368986"/>
                  <a:pt x="1850707" y="1367834"/>
                </a:cubicBezTo>
                <a:cubicBezTo>
                  <a:pt x="1834768" y="1364473"/>
                  <a:pt x="1819309" y="1358904"/>
                  <a:pt x="1803275" y="1356504"/>
                </a:cubicBezTo>
                <a:cubicBezTo>
                  <a:pt x="1776775" y="1352567"/>
                  <a:pt x="1753828" y="1365817"/>
                  <a:pt x="1730112" y="1374459"/>
                </a:cubicBezTo>
                <a:cubicBezTo>
                  <a:pt x="1707548" y="1382620"/>
                  <a:pt x="1688345" y="1401055"/>
                  <a:pt x="1661652" y="1396926"/>
                </a:cubicBezTo>
                <a:cubicBezTo>
                  <a:pt x="1658965" y="1396542"/>
                  <a:pt x="1655988" y="1399134"/>
                  <a:pt x="1653011" y="1399807"/>
                </a:cubicBezTo>
                <a:cubicBezTo>
                  <a:pt x="1644850" y="1401631"/>
                  <a:pt x="1636689" y="1403839"/>
                  <a:pt x="1628431" y="1404704"/>
                </a:cubicBezTo>
                <a:cubicBezTo>
                  <a:pt x="1618350" y="1405856"/>
                  <a:pt x="1608076" y="1405472"/>
                  <a:pt x="1597995" y="1406432"/>
                </a:cubicBezTo>
                <a:cubicBezTo>
                  <a:pt x="1585032" y="1407584"/>
                  <a:pt x="1572263" y="1410656"/>
                  <a:pt x="1559396" y="1410656"/>
                </a:cubicBezTo>
                <a:cubicBezTo>
                  <a:pt x="1549026" y="1410656"/>
                  <a:pt x="1538753" y="1407104"/>
                  <a:pt x="1528480" y="1405375"/>
                </a:cubicBezTo>
                <a:cubicBezTo>
                  <a:pt x="1513981" y="1402975"/>
                  <a:pt x="1498042" y="1403647"/>
                  <a:pt x="1485272" y="1397502"/>
                </a:cubicBezTo>
                <a:cubicBezTo>
                  <a:pt x="1471639" y="1390973"/>
                  <a:pt x="1458676" y="1387997"/>
                  <a:pt x="1444562" y="1390013"/>
                </a:cubicBezTo>
                <a:cubicBezTo>
                  <a:pt x="1439857" y="1390685"/>
                  <a:pt x="1433808" y="1394718"/>
                  <a:pt x="1431696" y="1398846"/>
                </a:cubicBezTo>
                <a:cubicBezTo>
                  <a:pt x="1426991" y="1408064"/>
                  <a:pt x="1420559" y="1409697"/>
                  <a:pt x="1411821" y="1406527"/>
                </a:cubicBezTo>
                <a:cubicBezTo>
                  <a:pt x="1404236" y="1403839"/>
                  <a:pt x="1394922" y="1402495"/>
                  <a:pt x="1389738" y="1397310"/>
                </a:cubicBezTo>
                <a:cubicBezTo>
                  <a:pt x="1375047" y="1382620"/>
                  <a:pt x="1356324" y="1382140"/>
                  <a:pt x="1338081" y="1378204"/>
                </a:cubicBezTo>
                <a:cubicBezTo>
                  <a:pt x="1326945" y="1375802"/>
                  <a:pt x="1316574" y="1375707"/>
                  <a:pt x="1305436" y="1377339"/>
                </a:cubicBezTo>
                <a:cubicBezTo>
                  <a:pt x="1281241" y="1380988"/>
                  <a:pt x="1257717" y="1375802"/>
                  <a:pt x="1234481" y="1369178"/>
                </a:cubicBezTo>
                <a:cubicBezTo>
                  <a:pt x="1219118" y="1364761"/>
                  <a:pt x="1203372" y="1362073"/>
                  <a:pt x="1188106" y="1357560"/>
                </a:cubicBezTo>
                <a:cubicBezTo>
                  <a:pt x="1176680" y="1354104"/>
                  <a:pt x="1165255" y="1349975"/>
                  <a:pt x="1154790" y="1344406"/>
                </a:cubicBezTo>
                <a:cubicBezTo>
                  <a:pt x="1139618" y="1336244"/>
                  <a:pt x="1126369" y="1323954"/>
                  <a:pt x="1107069" y="1327219"/>
                </a:cubicBezTo>
                <a:cubicBezTo>
                  <a:pt x="1090074" y="1330099"/>
                  <a:pt x="1074713" y="1324051"/>
                  <a:pt x="1059158" y="1318290"/>
                </a:cubicBezTo>
                <a:cubicBezTo>
                  <a:pt x="1047732" y="1314065"/>
                  <a:pt x="1036308" y="1309744"/>
                  <a:pt x="1024496" y="1307056"/>
                </a:cubicBezTo>
                <a:cubicBezTo>
                  <a:pt x="1010478" y="1303887"/>
                  <a:pt x="994635" y="1305232"/>
                  <a:pt x="982153" y="1299374"/>
                </a:cubicBezTo>
                <a:cubicBezTo>
                  <a:pt x="969095" y="1293229"/>
                  <a:pt x="958246" y="1297358"/>
                  <a:pt x="946628" y="1299087"/>
                </a:cubicBezTo>
                <a:cubicBezTo>
                  <a:pt x="928097" y="1301775"/>
                  <a:pt x="909661" y="1306768"/>
                  <a:pt x="890939" y="1300431"/>
                </a:cubicBezTo>
                <a:cubicBezTo>
                  <a:pt x="868184" y="1292750"/>
                  <a:pt x="845620" y="1284493"/>
                  <a:pt x="822769" y="1277196"/>
                </a:cubicBezTo>
                <a:cubicBezTo>
                  <a:pt x="813934" y="1274410"/>
                  <a:pt x="804431" y="1273258"/>
                  <a:pt x="795212" y="1272010"/>
                </a:cubicBezTo>
                <a:cubicBezTo>
                  <a:pt x="786476" y="1270954"/>
                  <a:pt x="776010" y="1273642"/>
                  <a:pt x="769288" y="1269610"/>
                </a:cubicBezTo>
                <a:cubicBezTo>
                  <a:pt x="752005" y="1259241"/>
                  <a:pt x="734243" y="1254152"/>
                  <a:pt x="714271" y="1254152"/>
                </a:cubicBezTo>
                <a:cubicBezTo>
                  <a:pt x="706781" y="1254152"/>
                  <a:pt x="699484" y="1249831"/>
                  <a:pt x="691900" y="1249062"/>
                </a:cubicBezTo>
                <a:cubicBezTo>
                  <a:pt x="681529" y="1248103"/>
                  <a:pt x="669623" y="1245510"/>
                  <a:pt x="660598" y="1249159"/>
                </a:cubicBezTo>
                <a:cubicBezTo>
                  <a:pt x="639379" y="1257800"/>
                  <a:pt x="622193" y="1250599"/>
                  <a:pt x="603662" y="1242054"/>
                </a:cubicBezTo>
                <a:cubicBezTo>
                  <a:pt x="585418" y="1233604"/>
                  <a:pt x="566215" y="1226884"/>
                  <a:pt x="546821" y="1221314"/>
                </a:cubicBezTo>
                <a:cubicBezTo>
                  <a:pt x="539524" y="1219298"/>
                  <a:pt x="530787" y="1222659"/>
                  <a:pt x="522721" y="1223330"/>
                </a:cubicBezTo>
                <a:cubicBezTo>
                  <a:pt x="519840" y="1223523"/>
                  <a:pt x="516671" y="1223811"/>
                  <a:pt x="514080" y="1222851"/>
                </a:cubicBezTo>
                <a:cubicBezTo>
                  <a:pt x="489020" y="1213633"/>
                  <a:pt x="463575" y="1206624"/>
                  <a:pt x="436404" y="1211424"/>
                </a:cubicBezTo>
                <a:cubicBezTo>
                  <a:pt x="433908" y="1211905"/>
                  <a:pt x="431123" y="1210849"/>
                  <a:pt x="428626" y="1210177"/>
                </a:cubicBezTo>
                <a:cubicBezTo>
                  <a:pt x="416432" y="1206720"/>
                  <a:pt x="404526" y="1201247"/>
                  <a:pt x="392141" y="1199999"/>
                </a:cubicBezTo>
                <a:cubicBezTo>
                  <a:pt x="361608" y="1196927"/>
                  <a:pt x="330884" y="1195678"/>
                  <a:pt x="300157" y="1193662"/>
                </a:cubicBezTo>
                <a:cubicBezTo>
                  <a:pt x="298237" y="1193566"/>
                  <a:pt x="296221" y="1193566"/>
                  <a:pt x="294493" y="1192894"/>
                </a:cubicBezTo>
                <a:cubicBezTo>
                  <a:pt x="283163" y="1188765"/>
                  <a:pt x="273274" y="1190110"/>
                  <a:pt x="263671" y="1197982"/>
                </a:cubicBezTo>
                <a:cubicBezTo>
                  <a:pt x="259447" y="1201439"/>
                  <a:pt x="253686" y="1203263"/>
                  <a:pt x="248406" y="1205184"/>
                </a:cubicBezTo>
                <a:cubicBezTo>
                  <a:pt x="240628" y="1208065"/>
                  <a:pt x="232659" y="1210849"/>
                  <a:pt x="224594" y="1212673"/>
                </a:cubicBezTo>
                <a:cubicBezTo>
                  <a:pt x="216624" y="1214401"/>
                  <a:pt x="208079" y="1216801"/>
                  <a:pt x="200398" y="1215458"/>
                </a:cubicBezTo>
                <a:cubicBezTo>
                  <a:pt x="186572" y="1213057"/>
                  <a:pt x="173417" y="1207681"/>
                  <a:pt x="159783" y="1204127"/>
                </a:cubicBezTo>
                <a:cubicBezTo>
                  <a:pt x="155079" y="1202879"/>
                  <a:pt x="149893" y="1203072"/>
                  <a:pt x="144997" y="1202975"/>
                </a:cubicBezTo>
                <a:cubicBezTo>
                  <a:pt x="133763" y="1202688"/>
                  <a:pt x="122241" y="1205472"/>
                  <a:pt x="112064" y="1197503"/>
                </a:cubicBezTo>
                <a:cubicBezTo>
                  <a:pt x="102655" y="1190014"/>
                  <a:pt x="93148" y="1192221"/>
                  <a:pt x="83259" y="1197887"/>
                </a:cubicBezTo>
                <a:cubicBezTo>
                  <a:pt x="76154" y="1201920"/>
                  <a:pt x="68090" y="1205088"/>
                  <a:pt x="60120" y="1206624"/>
                </a:cubicBezTo>
                <a:cubicBezTo>
                  <a:pt x="49174" y="1208736"/>
                  <a:pt x="38324" y="1209601"/>
                  <a:pt x="26514" y="1208352"/>
                </a:cubicBezTo>
                <a:cubicBezTo>
                  <a:pt x="18161" y="1207488"/>
                  <a:pt x="11343" y="1207104"/>
                  <a:pt x="4814" y="1202015"/>
                </a:cubicBezTo>
                <a:cubicBezTo>
                  <a:pt x="3759" y="1201247"/>
                  <a:pt x="1839" y="1201055"/>
                  <a:pt x="398" y="1201152"/>
                </a:cubicBezTo>
                <a:lnTo>
                  <a:pt x="0" y="1201150"/>
                </a:lnTo>
                <a:lnTo>
                  <a:pt x="0" y="1004512"/>
                </a:lnTo>
                <a:lnTo>
                  <a:pt x="30355" y="1002784"/>
                </a:lnTo>
                <a:cubicBezTo>
                  <a:pt x="37748" y="1002111"/>
                  <a:pt x="44853" y="999520"/>
                  <a:pt x="52151" y="997695"/>
                </a:cubicBezTo>
                <a:cubicBezTo>
                  <a:pt x="56183" y="996639"/>
                  <a:pt x="60504" y="993855"/>
                  <a:pt x="64248" y="994430"/>
                </a:cubicBezTo>
                <a:cubicBezTo>
                  <a:pt x="85948" y="997791"/>
                  <a:pt x="105823" y="989534"/>
                  <a:pt x="126370" y="985405"/>
                </a:cubicBezTo>
                <a:cubicBezTo>
                  <a:pt x="135876" y="983485"/>
                  <a:pt x="144805" y="978876"/>
                  <a:pt x="154022" y="975708"/>
                </a:cubicBezTo>
                <a:cubicBezTo>
                  <a:pt x="156423" y="974843"/>
                  <a:pt x="159111" y="974075"/>
                  <a:pt x="161512" y="974268"/>
                </a:cubicBezTo>
                <a:cubicBezTo>
                  <a:pt x="175242" y="975420"/>
                  <a:pt x="188876" y="977052"/>
                  <a:pt x="202510" y="978300"/>
                </a:cubicBezTo>
                <a:cubicBezTo>
                  <a:pt x="214896" y="979452"/>
                  <a:pt x="227378" y="979836"/>
                  <a:pt x="233235" y="993950"/>
                </a:cubicBezTo>
                <a:cubicBezTo>
                  <a:pt x="234100" y="996159"/>
                  <a:pt x="236979" y="997791"/>
                  <a:pt x="239188" y="999231"/>
                </a:cubicBezTo>
                <a:cubicBezTo>
                  <a:pt x="273274" y="1021411"/>
                  <a:pt x="291516" y="1020835"/>
                  <a:pt x="324834" y="997407"/>
                </a:cubicBezTo>
                <a:cubicBezTo>
                  <a:pt x="328290" y="995007"/>
                  <a:pt x="335683" y="993278"/>
                  <a:pt x="337987" y="995198"/>
                </a:cubicBezTo>
                <a:cubicBezTo>
                  <a:pt x="357575" y="1011137"/>
                  <a:pt x="378986" y="1009409"/>
                  <a:pt x="401550" y="1004416"/>
                </a:cubicBezTo>
                <a:cubicBezTo>
                  <a:pt x="407407" y="1003072"/>
                  <a:pt x="415664" y="1003072"/>
                  <a:pt x="420081" y="1006240"/>
                </a:cubicBezTo>
                <a:cubicBezTo>
                  <a:pt x="441108" y="1020930"/>
                  <a:pt x="463672" y="1018819"/>
                  <a:pt x="486523" y="1014498"/>
                </a:cubicBezTo>
                <a:cubicBezTo>
                  <a:pt x="490075" y="1013826"/>
                  <a:pt x="494397" y="1010177"/>
                  <a:pt x="495932" y="1006817"/>
                </a:cubicBezTo>
                <a:cubicBezTo>
                  <a:pt x="501406" y="994911"/>
                  <a:pt x="511680" y="990878"/>
                  <a:pt x="523009" y="987517"/>
                </a:cubicBezTo>
                <a:cubicBezTo>
                  <a:pt x="540868" y="982044"/>
                  <a:pt x="558438" y="975611"/>
                  <a:pt x="576393" y="970427"/>
                </a:cubicBezTo>
                <a:cubicBezTo>
                  <a:pt x="580811" y="969179"/>
                  <a:pt x="586283" y="969947"/>
                  <a:pt x="590892" y="971387"/>
                </a:cubicBezTo>
                <a:cubicBezTo>
                  <a:pt x="606638" y="976284"/>
                  <a:pt x="616624" y="988574"/>
                  <a:pt x="627569" y="999904"/>
                </a:cubicBezTo>
                <a:cubicBezTo>
                  <a:pt x="632370" y="1004897"/>
                  <a:pt x="638995" y="1008449"/>
                  <a:pt x="645429" y="1011329"/>
                </a:cubicBezTo>
                <a:cubicBezTo>
                  <a:pt x="662135" y="1018723"/>
                  <a:pt x="679226" y="1025348"/>
                  <a:pt x="696125" y="1032356"/>
                </a:cubicBezTo>
                <a:cubicBezTo>
                  <a:pt x="697757" y="1033029"/>
                  <a:pt x="699100" y="1034757"/>
                  <a:pt x="700349" y="1036197"/>
                </a:cubicBezTo>
                <a:cubicBezTo>
                  <a:pt x="712831" y="1051368"/>
                  <a:pt x="725216" y="1066634"/>
                  <a:pt x="737795" y="1081804"/>
                </a:cubicBezTo>
                <a:cubicBezTo>
                  <a:pt x="740195" y="1084684"/>
                  <a:pt x="743652" y="1086797"/>
                  <a:pt x="746244" y="1089581"/>
                </a:cubicBezTo>
                <a:cubicBezTo>
                  <a:pt x="749893" y="1093422"/>
                  <a:pt x="754502" y="1097071"/>
                  <a:pt x="756422" y="1101680"/>
                </a:cubicBezTo>
                <a:cubicBezTo>
                  <a:pt x="762374" y="1116177"/>
                  <a:pt x="773801" y="1122419"/>
                  <a:pt x="788202" y="1125108"/>
                </a:cubicBezTo>
                <a:cubicBezTo>
                  <a:pt x="801357" y="1127603"/>
                  <a:pt x="814511" y="1129716"/>
                  <a:pt x="827569" y="1132596"/>
                </a:cubicBezTo>
                <a:cubicBezTo>
                  <a:pt x="843507" y="1136053"/>
                  <a:pt x="859350" y="1139798"/>
                  <a:pt x="875097" y="1144022"/>
                </a:cubicBezTo>
                <a:cubicBezTo>
                  <a:pt x="881913" y="1145847"/>
                  <a:pt x="889115" y="1147959"/>
                  <a:pt x="894972" y="1151704"/>
                </a:cubicBezTo>
                <a:cubicBezTo>
                  <a:pt x="911390" y="1162073"/>
                  <a:pt x="928961" y="1169082"/>
                  <a:pt x="948260" y="1166298"/>
                </a:cubicBezTo>
                <a:cubicBezTo>
                  <a:pt x="963718" y="1164089"/>
                  <a:pt x="976680" y="1169754"/>
                  <a:pt x="986282" y="1178588"/>
                </a:cubicBezTo>
                <a:cubicBezTo>
                  <a:pt x="1003757" y="1194623"/>
                  <a:pt x="1022479" y="1190973"/>
                  <a:pt x="1041107" y="1185789"/>
                </a:cubicBezTo>
                <a:cubicBezTo>
                  <a:pt x="1050708" y="1183101"/>
                  <a:pt x="1058581" y="1183485"/>
                  <a:pt x="1067703" y="1186076"/>
                </a:cubicBezTo>
                <a:cubicBezTo>
                  <a:pt x="1088826" y="1192126"/>
                  <a:pt x="1102941" y="1208544"/>
                  <a:pt x="1116574" y="1222946"/>
                </a:cubicBezTo>
                <a:cubicBezTo>
                  <a:pt x="1128193" y="1235236"/>
                  <a:pt x="1141251" y="1242149"/>
                  <a:pt x="1155557" y="1247335"/>
                </a:cubicBezTo>
                <a:cubicBezTo>
                  <a:pt x="1173608" y="1253959"/>
                  <a:pt x="1187914" y="1251464"/>
                  <a:pt x="1196556" y="1235525"/>
                </a:cubicBezTo>
                <a:cubicBezTo>
                  <a:pt x="1198956" y="1231012"/>
                  <a:pt x="1203180" y="1225730"/>
                  <a:pt x="1207693" y="1224387"/>
                </a:cubicBezTo>
                <a:cubicBezTo>
                  <a:pt x="1229488" y="1217666"/>
                  <a:pt x="1251572" y="1207872"/>
                  <a:pt x="1274904" y="1213826"/>
                </a:cubicBezTo>
                <a:cubicBezTo>
                  <a:pt x="1307165" y="1221987"/>
                  <a:pt x="1338658" y="1221507"/>
                  <a:pt x="1370919" y="1213442"/>
                </a:cubicBezTo>
                <a:cubicBezTo>
                  <a:pt x="1423247" y="1200383"/>
                  <a:pt x="1475575" y="1186557"/>
                  <a:pt x="1530593" y="1189437"/>
                </a:cubicBezTo>
                <a:cubicBezTo>
                  <a:pt x="1539713" y="1189917"/>
                  <a:pt x="1550563" y="1184060"/>
                  <a:pt x="1558436" y="1178299"/>
                </a:cubicBezTo>
                <a:cubicBezTo>
                  <a:pt x="1573511" y="1167354"/>
                  <a:pt x="1572838" y="1166489"/>
                  <a:pt x="1589737" y="1175515"/>
                </a:cubicBezTo>
                <a:cubicBezTo>
                  <a:pt x="1593770" y="1177724"/>
                  <a:pt x="1598763" y="1179068"/>
                  <a:pt x="1601740" y="1182333"/>
                </a:cubicBezTo>
                <a:cubicBezTo>
                  <a:pt x="1616909" y="1198943"/>
                  <a:pt x="1635633" y="1194910"/>
                  <a:pt x="1654259" y="1192510"/>
                </a:cubicBezTo>
                <a:cubicBezTo>
                  <a:pt x="1657524" y="1192030"/>
                  <a:pt x="1661460" y="1191358"/>
                  <a:pt x="1664246" y="1192702"/>
                </a:cubicBezTo>
                <a:cubicBezTo>
                  <a:pt x="1676823" y="1198750"/>
                  <a:pt x="1687481" y="1196639"/>
                  <a:pt x="1698427" y="1188381"/>
                </a:cubicBezTo>
                <a:cubicBezTo>
                  <a:pt x="1707932" y="1181276"/>
                  <a:pt x="1718878" y="1177052"/>
                  <a:pt x="1730112" y="1185885"/>
                </a:cubicBezTo>
                <a:cubicBezTo>
                  <a:pt x="1755076" y="1205472"/>
                  <a:pt x="1781767" y="1206432"/>
                  <a:pt x="1809996" y="1194046"/>
                </a:cubicBezTo>
                <a:cubicBezTo>
                  <a:pt x="1830159" y="1185213"/>
                  <a:pt x="1850034" y="1183196"/>
                  <a:pt x="1871254" y="1192126"/>
                </a:cubicBezTo>
                <a:cubicBezTo>
                  <a:pt x="1879415" y="1195582"/>
                  <a:pt x="1889977" y="1193278"/>
                  <a:pt x="1899482" y="1194046"/>
                </a:cubicBezTo>
                <a:cubicBezTo>
                  <a:pt x="1904859" y="1194430"/>
                  <a:pt x="1910813" y="1194526"/>
                  <a:pt x="1915420" y="1196927"/>
                </a:cubicBezTo>
                <a:cubicBezTo>
                  <a:pt x="1927711" y="1203072"/>
                  <a:pt x="1939136" y="1210945"/>
                  <a:pt x="1951522" y="1216994"/>
                </a:cubicBezTo>
                <a:cubicBezTo>
                  <a:pt x="1957475" y="1219874"/>
                  <a:pt x="1964580" y="1221410"/>
                  <a:pt x="1971302" y="1221507"/>
                </a:cubicBezTo>
                <a:cubicBezTo>
                  <a:pt x="1991177" y="1221987"/>
                  <a:pt x="2011052" y="1221987"/>
                  <a:pt x="2030831" y="1221123"/>
                </a:cubicBezTo>
                <a:cubicBezTo>
                  <a:pt x="2063476" y="1219778"/>
                  <a:pt x="2096601" y="1219490"/>
                  <a:pt x="2120125" y="1190878"/>
                </a:cubicBezTo>
                <a:cubicBezTo>
                  <a:pt x="2122046" y="1188573"/>
                  <a:pt x="2126174" y="1187229"/>
                  <a:pt x="2129439" y="1186845"/>
                </a:cubicBezTo>
                <a:cubicBezTo>
                  <a:pt x="2144513" y="1185021"/>
                  <a:pt x="2159971" y="1184828"/>
                  <a:pt x="2174854" y="1181852"/>
                </a:cubicBezTo>
                <a:cubicBezTo>
                  <a:pt x="2186760" y="1179452"/>
                  <a:pt x="2196650" y="1180220"/>
                  <a:pt x="2205674" y="1188669"/>
                </a:cubicBezTo>
                <a:cubicBezTo>
                  <a:pt x="2217485" y="1199807"/>
                  <a:pt x="2231887" y="1206336"/>
                  <a:pt x="2247634" y="1202784"/>
                </a:cubicBezTo>
                <a:cubicBezTo>
                  <a:pt x="2263379" y="1199327"/>
                  <a:pt x="2273749" y="1206816"/>
                  <a:pt x="2285367" y="1214594"/>
                </a:cubicBezTo>
                <a:cubicBezTo>
                  <a:pt x="2293817" y="1220258"/>
                  <a:pt x="2303418" y="1227363"/>
                  <a:pt x="2312827" y="1227939"/>
                </a:cubicBezTo>
                <a:cubicBezTo>
                  <a:pt x="2334143" y="1229187"/>
                  <a:pt x="2352482" y="1248967"/>
                  <a:pt x="2375622" y="1237733"/>
                </a:cubicBezTo>
                <a:cubicBezTo>
                  <a:pt x="2377158" y="1236965"/>
                  <a:pt x="2379942" y="1238885"/>
                  <a:pt x="2382151" y="1239365"/>
                </a:cubicBezTo>
                <a:cubicBezTo>
                  <a:pt x="2399817" y="1243014"/>
                  <a:pt x="2416428" y="1239461"/>
                  <a:pt x="2429390" y="1227459"/>
                </a:cubicBezTo>
                <a:cubicBezTo>
                  <a:pt x="2446385" y="1211809"/>
                  <a:pt x="2465203" y="1210272"/>
                  <a:pt x="2486134" y="1215362"/>
                </a:cubicBezTo>
                <a:cubicBezTo>
                  <a:pt x="2492856" y="1216994"/>
                  <a:pt x="2499577" y="1218146"/>
                  <a:pt x="2506394" y="1219490"/>
                </a:cubicBezTo>
                <a:cubicBezTo>
                  <a:pt x="2515611" y="1221410"/>
                  <a:pt x="2524925" y="1223427"/>
                  <a:pt x="2534142" y="1225347"/>
                </a:cubicBezTo>
                <a:cubicBezTo>
                  <a:pt x="2543072" y="1227268"/>
                  <a:pt x="2552962" y="1230532"/>
                  <a:pt x="2559874" y="1222275"/>
                </a:cubicBezTo>
                <a:cubicBezTo>
                  <a:pt x="2565827" y="1215169"/>
                  <a:pt x="2570052" y="1215842"/>
                  <a:pt x="2575525" y="1221987"/>
                </a:cubicBezTo>
                <a:cubicBezTo>
                  <a:pt x="2594536" y="1243494"/>
                  <a:pt x="2617580" y="1256936"/>
                  <a:pt x="2646960" y="1257896"/>
                </a:cubicBezTo>
                <a:cubicBezTo>
                  <a:pt x="2653009" y="1258088"/>
                  <a:pt x="2659154" y="1259432"/>
                  <a:pt x="2665107" y="1260873"/>
                </a:cubicBezTo>
                <a:cubicBezTo>
                  <a:pt x="2668756" y="1261736"/>
                  <a:pt x="2673173" y="1262697"/>
                  <a:pt x="2675381" y="1265290"/>
                </a:cubicBezTo>
                <a:cubicBezTo>
                  <a:pt x="2692567" y="1285068"/>
                  <a:pt x="2713979" y="1298799"/>
                  <a:pt x="2737311" y="1309841"/>
                </a:cubicBezTo>
                <a:cubicBezTo>
                  <a:pt x="2745664" y="1313777"/>
                  <a:pt x="2754594" y="1317713"/>
                  <a:pt x="2763619" y="1318866"/>
                </a:cubicBezTo>
                <a:cubicBezTo>
                  <a:pt x="2773028" y="1320018"/>
                  <a:pt x="2782917" y="1318098"/>
                  <a:pt x="2792519" y="1317041"/>
                </a:cubicBezTo>
                <a:cubicBezTo>
                  <a:pt x="2798184" y="1316466"/>
                  <a:pt x="2804713" y="1316561"/>
                  <a:pt x="2809226" y="1313777"/>
                </a:cubicBezTo>
                <a:cubicBezTo>
                  <a:pt x="2823532" y="1305039"/>
                  <a:pt x="2837358" y="1295631"/>
                  <a:pt x="2850705" y="1285452"/>
                </a:cubicBezTo>
                <a:cubicBezTo>
                  <a:pt x="2862131" y="1276715"/>
                  <a:pt x="2864435" y="1275467"/>
                  <a:pt x="2874324" y="1286413"/>
                </a:cubicBezTo>
                <a:cubicBezTo>
                  <a:pt x="2884502" y="1297647"/>
                  <a:pt x="2897176" y="1303503"/>
                  <a:pt x="2911194" y="1305903"/>
                </a:cubicBezTo>
                <a:cubicBezTo>
                  <a:pt x="2933373" y="1309648"/>
                  <a:pt x="2955745" y="1312816"/>
                  <a:pt x="2978116" y="1314641"/>
                </a:cubicBezTo>
                <a:cubicBezTo>
                  <a:pt x="2998375" y="1316273"/>
                  <a:pt x="3008073" y="1307440"/>
                  <a:pt x="3012106" y="1287373"/>
                </a:cubicBezTo>
                <a:cubicBezTo>
                  <a:pt x="3014410" y="1276235"/>
                  <a:pt x="3017387" y="1264137"/>
                  <a:pt x="3029676" y="1261161"/>
                </a:cubicBezTo>
                <a:cubicBezTo>
                  <a:pt x="3049744" y="1256360"/>
                  <a:pt x="3070579" y="1254248"/>
                  <a:pt x="3080469" y="1230724"/>
                </a:cubicBezTo>
                <a:cubicBezTo>
                  <a:pt x="3085941" y="1235909"/>
                  <a:pt x="3089302" y="1238981"/>
                  <a:pt x="3092567" y="1242054"/>
                </a:cubicBezTo>
                <a:cubicBezTo>
                  <a:pt x="3101592" y="1250599"/>
                  <a:pt x="3120314" y="1254248"/>
                  <a:pt x="3129821" y="1246855"/>
                </a:cubicBezTo>
                <a:cubicBezTo>
                  <a:pt x="3143839" y="1236101"/>
                  <a:pt x="3156705" y="1238117"/>
                  <a:pt x="3170147" y="1246471"/>
                </a:cubicBezTo>
                <a:cubicBezTo>
                  <a:pt x="3192615" y="1260297"/>
                  <a:pt x="3217674" y="1257128"/>
                  <a:pt x="3240429" y="1251559"/>
                </a:cubicBezTo>
                <a:cubicBezTo>
                  <a:pt x="3257617" y="1247430"/>
                  <a:pt x="3275956" y="1239845"/>
                  <a:pt x="3287189" y="1222466"/>
                </a:cubicBezTo>
                <a:cubicBezTo>
                  <a:pt x="3290741" y="1216898"/>
                  <a:pt x="3298711" y="1214113"/>
                  <a:pt x="3305049" y="1210465"/>
                </a:cubicBezTo>
                <a:cubicBezTo>
                  <a:pt x="3310329" y="1207488"/>
                  <a:pt x="3315898" y="1204704"/>
                  <a:pt x="3321755" y="1202784"/>
                </a:cubicBezTo>
                <a:cubicBezTo>
                  <a:pt x="3327995" y="1200671"/>
                  <a:pt x="3334909" y="1197598"/>
                  <a:pt x="3341055" y="1198463"/>
                </a:cubicBezTo>
                <a:cubicBezTo>
                  <a:pt x="3359681" y="1200959"/>
                  <a:pt x="3374467" y="1196062"/>
                  <a:pt x="3387621" y="1182140"/>
                </a:cubicBezTo>
                <a:cubicBezTo>
                  <a:pt x="3394439" y="1174939"/>
                  <a:pt x="3404520" y="1166202"/>
                  <a:pt x="3413161" y="1166105"/>
                </a:cubicBezTo>
                <a:cubicBezTo>
                  <a:pt x="3434189" y="1165818"/>
                  <a:pt x="3451663" y="1158905"/>
                  <a:pt x="3470579" y="1150647"/>
                </a:cubicBezTo>
                <a:cubicBezTo>
                  <a:pt x="3482772" y="1145366"/>
                  <a:pt x="3496598" y="1141718"/>
                  <a:pt x="3509657" y="1136821"/>
                </a:cubicBezTo>
                <a:cubicBezTo>
                  <a:pt x="3524923" y="1131060"/>
                  <a:pt x="3541534" y="1128948"/>
                  <a:pt x="3550847" y="1113009"/>
                </a:cubicBezTo>
                <a:cubicBezTo>
                  <a:pt x="3551903" y="1111281"/>
                  <a:pt x="3555072" y="1110993"/>
                  <a:pt x="3556608" y="1109361"/>
                </a:cubicBezTo>
                <a:cubicBezTo>
                  <a:pt x="3561505" y="1104368"/>
                  <a:pt x="3567842" y="1099760"/>
                  <a:pt x="3570435" y="1093710"/>
                </a:cubicBezTo>
                <a:cubicBezTo>
                  <a:pt x="3577923" y="1076044"/>
                  <a:pt x="3583780" y="1057800"/>
                  <a:pt x="3590501" y="1039846"/>
                </a:cubicBezTo>
                <a:cubicBezTo>
                  <a:pt x="3591942" y="1036005"/>
                  <a:pt x="3593285" y="1031108"/>
                  <a:pt x="3596263" y="1028900"/>
                </a:cubicBezTo>
                <a:cubicBezTo>
                  <a:pt x="3613449" y="1016226"/>
                  <a:pt x="3630925" y="1004032"/>
                  <a:pt x="3648591" y="992030"/>
                </a:cubicBezTo>
                <a:cubicBezTo>
                  <a:pt x="3655696" y="987229"/>
                  <a:pt x="3661649" y="989918"/>
                  <a:pt x="3667986" y="995487"/>
                </a:cubicBezTo>
                <a:cubicBezTo>
                  <a:pt x="3674131" y="1000768"/>
                  <a:pt x="3681717" y="1006240"/>
                  <a:pt x="3689397" y="1007585"/>
                </a:cubicBezTo>
                <a:cubicBezTo>
                  <a:pt x="3704760" y="1010177"/>
                  <a:pt x="3720698" y="1010753"/>
                  <a:pt x="3736349" y="1010753"/>
                </a:cubicBezTo>
                <a:cubicBezTo>
                  <a:pt x="3742205" y="1010753"/>
                  <a:pt x="3748446" y="1007297"/>
                  <a:pt x="3753919" y="1004513"/>
                </a:cubicBezTo>
                <a:cubicBezTo>
                  <a:pt x="3764289" y="999231"/>
                  <a:pt x="3773890" y="992126"/>
                  <a:pt x="3784643" y="987710"/>
                </a:cubicBezTo>
                <a:cubicBezTo>
                  <a:pt x="3797126" y="982621"/>
                  <a:pt x="3804615" y="974459"/>
                  <a:pt x="3808359" y="961689"/>
                </a:cubicBezTo>
                <a:cubicBezTo>
                  <a:pt x="3813929" y="942679"/>
                  <a:pt x="3827179" y="929428"/>
                  <a:pt x="3842829" y="918674"/>
                </a:cubicBezTo>
                <a:cubicBezTo>
                  <a:pt x="3862705" y="904944"/>
                  <a:pt x="3886421" y="905616"/>
                  <a:pt x="3908983" y="902256"/>
                </a:cubicBezTo>
                <a:cubicBezTo>
                  <a:pt x="3917625" y="901008"/>
                  <a:pt x="3926555" y="899951"/>
                  <a:pt x="3934428" y="896783"/>
                </a:cubicBezTo>
                <a:cubicBezTo>
                  <a:pt x="3964288" y="884877"/>
                  <a:pt x="3994149" y="873548"/>
                  <a:pt x="4026987" y="873835"/>
                </a:cubicBezTo>
                <a:cubicBezTo>
                  <a:pt x="4029674" y="873835"/>
                  <a:pt x="4032363" y="873548"/>
                  <a:pt x="4035051" y="873067"/>
                </a:cubicBezTo>
                <a:cubicBezTo>
                  <a:pt x="4058383" y="869131"/>
                  <a:pt x="4082483" y="867594"/>
                  <a:pt x="4099189" y="846664"/>
                </a:cubicBezTo>
                <a:cubicBezTo>
                  <a:pt x="4102261" y="842823"/>
                  <a:pt x="4109271" y="841671"/>
                  <a:pt x="4114647" y="840134"/>
                </a:cubicBezTo>
                <a:cubicBezTo>
                  <a:pt x="4123961" y="837638"/>
                  <a:pt x="4130203" y="832549"/>
                  <a:pt x="4133563" y="823427"/>
                </a:cubicBezTo>
                <a:cubicBezTo>
                  <a:pt x="4139229" y="807681"/>
                  <a:pt x="4145949" y="792223"/>
                  <a:pt x="4151039" y="776284"/>
                </a:cubicBezTo>
                <a:cubicBezTo>
                  <a:pt x="4154591" y="765338"/>
                  <a:pt x="4161215" y="759289"/>
                  <a:pt x="4171489" y="754776"/>
                </a:cubicBezTo>
                <a:cubicBezTo>
                  <a:pt x="4177251" y="752280"/>
                  <a:pt x="4182243" y="746808"/>
                  <a:pt x="4186372" y="741718"/>
                </a:cubicBezTo>
                <a:cubicBezTo>
                  <a:pt x="4191365" y="735573"/>
                  <a:pt x="4193957" y="727412"/>
                  <a:pt x="4199429" y="721940"/>
                </a:cubicBezTo>
                <a:cubicBezTo>
                  <a:pt x="4212775" y="708305"/>
                  <a:pt x="4216905" y="693231"/>
                  <a:pt x="4212487" y="674604"/>
                </a:cubicBezTo>
                <a:cubicBezTo>
                  <a:pt x="4208551" y="658090"/>
                  <a:pt x="4218921" y="636006"/>
                  <a:pt x="4232555" y="632645"/>
                </a:cubicBezTo>
                <a:cubicBezTo>
                  <a:pt x="4247629" y="628900"/>
                  <a:pt x="4257999" y="619684"/>
                  <a:pt x="4268657" y="609410"/>
                </a:cubicBezTo>
                <a:cubicBezTo>
                  <a:pt x="4274609" y="603649"/>
                  <a:pt x="4282963" y="598656"/>
                  <a:pt x="4291028" y="597216"/>
                </a:cubicBezTo>
                <a:cubicBezTo>
                  <a:pt x="4321657" y="591647"/>
                  <a:pt x="4350557" y="598464"/>
                  <a:pt x="4379651" y="609506"/>
                </a:cubicBezTo>
                <a:cubicBezTo>
                  <a:pt x="4398661" y="616707"/>
                  <a:pt x="4419784" y="618627"/>
                  <a:pt x="4440139" y="621507"/>
                </a:cubicBezTo>
                <a:cubicBezTo>
                  <a:pt x="4446477" y="622371"/>
                  <a:pt x="4454542" y="620452"/>
                  <a:pt x="4460015" y="616899"/>
                </a:cubicBezTo>
                <a:cubicBezTo>
                  <a:pt x="4479218" y="604609"/>
                  <a:pt x="4498325" y="591935"/>
                  <a:pt x="4516183" y="577724"/>
                </a:cubicBezTo>
                <a:cubicBezTo>
                  <a:pt x="4532795" y="564379"/>
                  <a:pt x="4551517" y="558810"/>
                  <a:pt x="4571681" y="560250"/>
                </a:cubicBezTo>
                <a:cubicBezTo>
                  <a:pt x="4586371" y="561306"/>
                  <a:pt x="4599621" y="558905"/>
                  <a:pt x="4613447" y="555257"/>
                </a:cubicBezTo>
                <a:cubicBezTo>
                  <a:pt x="4624969" y="552185"/>
                  <a:pt x="4637643" y="550072"/>
                  <a:pt x="4649355" y="551417"/>
                </a:cubicBezTo>
                <a:cubicBezTo>
                  <a:pt x="4665775" y="553337"/>
                  <a:pt x="4679313" y="550553"/>
                  <a:pt x="4692467" y="540663"/>
                </a:cubicBezTo>
                <a:cubicBezTo>
                  <a:pt x="4699476" y="535382"/>
                  <a:pt x="4708502" y="532598"/>
                  <a:pt x="4716855" y="528949"/>
                </a:cubicBezTo>
                <a:cubicBezTo>
                  <a:pt x="4729721" y="523284"/>
                  <a:pt x="4743067" y="518483"/>
                  <a:pt x="4755645" y="512147"/>
                </a:cubicBezTo>
                <a:cubicBezTo>
                  <a:pt x="4769183" y="505425"/>
                  <a:pt x="4781569" y="496112"/>
                  <a:pt x="4795395" y="490351"/>
                </a:cubicBezTo>
                <a:cubicBezTo>
                  <a:pt x="4810278" y="484110"/>
                  <a:pt x="4819879" y="474605"/>
                  <a:pt x="4825928" y="459818"/>
                </a:cubicBezTo>
                <a:cubicBezTo>
                  <a:pt x="4829769" y="450504"/>
                  <a:pt x="4835049" y="440615"/>
                  <a:pt x="4842347" y="434086"/>
                </a:cubicBezTo>
                <a:cubicBezTo>
                  <a:pt x="4857422" y="420740"/>
                  <a:pt x="4875087" y="410370"/>
                  <a:pt x="4890451" y="397216"/>
                </a:cubicBezTo>
                <a:cubicBezTo>
                  <a:pt x="4912054" y="378781"/>
                  <a:pt x="4932025" y="359194"/>
                  <a:pt x="4933945" y="327701"/>
                </a:cubicBezTo>
                <a:cubicBezTo>
                  <a:pt x="4935001" y="310322"/>
                  <a:pt x="4944219" y="302929"/>
                  <a:pt x="4961214" y="298801"/>
                </a:cubicBezTo>
                <a:cubicBezTo>
                  <a:pt x="4966878" y="297457"/>
                  <a:pt x="4974945" y="294864"/>
                  <a:pt x="4976672" y="290639"/>
                </a:cubicBezTo>
                <a:cubicBezTo>
                  <a:pt x="4981857" y="278061"/>
                  <a:pt x="4992610" y="275565"/>
                  <a:pt x="5002979" y="270573"/>
                </a:cubicBezTo>
                <a:cubicBezTo>
                  <a:pt x="5009221" y="267596"/>
                  <a:pt x="5016903" y="261739"/>
                  <a:pt x="5018535" y="255690"/>
                </a:cubicBezTo>
                <a:cubicBezTo>
                  <a:pt x="5025255" y="231206"/>
                  <a:pt x="5043690" y="216804"/>
                  <a:pt x="5061069" y="200961"/>
                </a:cubicBezTo>
                <a:cubicBezTo>
                  <a:pt x="5066158" y="196256"/>
                  <a:pt x="5071631" y="190879"/>
                  <a:pt x="5074127" y="184735"/>
                </a:cubicBezTo>
                <a:cubicBezTo>
                  <a:pt x="5079409" y="171484"/>
                  <a:pt x="5087281" y="161882"/>
                  <a:pt x="5101108" y="156891"/>
                </a:cubicBezTo>
                <a:cubicBezTo>
                  <a:pt x="5105524" y="155354"/>
                  <a:pt x="5109557" y="151801"/>
                  <a:pt x="5112918" y="148441"/>
                </a:cubicBezTo>
                <a:cubicBezTo>
                  <a:pt x="5120119" y="141144"/>
                  <a:pt x="5126167" y="132598"/>
                  <a:pt x="5133753" y="125782"/>
                </a:cubicBezTo>
                <a:cubicBezTo>
                  <a:pt x="5153051" y="108211"/>
                  <a:pt x="5172159" y="90928"/>
                  <a:pt x="5183393" y="66348"/>
                </a:cubicBezTo>
                <a:cubicBezTo>
                  <a:pt x="5188865" y="54346"/>
                  <a:pt x="5195107" y="41288"/>
                  <a:pt x="5204709" y="33030"/>
                </a:cubicBezTo>
                <a:cubicBezTo>
                  <a:pt x="5216903" y="22565"/>
                  <a:pt x="5232937" y="16612"/>
                  <a:pt x="5247243" y="8451"/>
                </a:cubicBezTo>
                <a:close/>
              </a:path>
            </a:pathLst>
          </a:cu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66" name="Freeform: Shape 65">
            <a:extLst>
              <a:ext uri="{FF2B5EF4-FFF2-40B4-BE49-F238E27FC236}">
                <a16:creationId xmlns:a16="http://schemas.microsoft.com/office/drawing/2014/main" id="{35A51D22-76EA-4C70-B5C9-ED3946924CB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827088" y="4258080"/>
            <a:ext cx="4403345" cy="1180695"/>
          </a:xfrm>
          <a:custGeom>
            <a:avLst/>
            <a:gdLst>
              <a:gd name="connsiteX0" fmla="*/ 5260975 w 5260975"/>
              <a:gd name="connsiteY0" fmla="*/ 0 h 1410656"/>
              <a:gd name="connsiteX1" fmla="*/ 5260975 w 5260975"/>
              <a:gd name="connsiteY1" fmla="*/ 221634 h 1410656"/>
              <a:gd name="connsiteX2" fmla="*/ 5226503 w 5260975"/>
              <a:gd name="connsiteY2" fmla="*/ 237063 h 1410656"/>
              <a:gd name="connsiteX3" fmla="*/ 5206341 w 5260975"/>
              <a:gd name="connsiteY3" fmla="*/ 245128 h 1410656"/>
              <a:gd name="connsiteX4" fmla="*/ 5123287 w 5260975"/>
              <a:gd name="connsiteY4" fmla="*/ 297073 h 1410656"/>
              <a:gd name="connsiteX5" fmla="*/ 5048107 w 5260975"/>
              <a:gd name="connsiteY5" fmla="*/ 361307 h 1410656"/>
              <a:gd name="connsiteX6" fmla="*/ 4992899 w 5260975"/>
              <a:gd name="connsiteY6" fmla="*/ 437542 h 1410656"/>
              <a:gd name="connsiteX7" fmla="*/ 4977440 w 5260975"/>
              <a:gd name="connsiteY7" fmla="*/ 455690 h 1410656"/>
              <a:gd name="connsiteX8" fmla="*/ 4935193 w 5260975"/>
              <a:gd name="connsiteY8" fmla="*/ 478445 h 1410656"/>
              <a:gd name="connsiteX9" fmla="*/ 4897844 w 5260975"/>
              <a:gd name="connsiteY9" fmla="*/ 495535 h 1410656"/>
              <a:gd name="connsiteX10" fmla="*/ 4870767 w 5260975"/>
              <a:gd name="connsiteY10" fmla="*/ 514451 h 1410656"/>
              <a:gd name="connsiteX11" fmla="*/ 4847916 w 5260975"/>
              <a:gd name="connsiteY11" fmla="*/ 531830 h 1410656"/>
              <a:gd name="connsiteX12" fmla="*/ 4796163 w 5260975"/>
              <a:gd name="connsiteY12" fmla="*/ 576765 h 1410656"/>
              <a:gd name="connsiteX13" fmla="*/ 4738843 w 5260975"/>
              <a:gd name="connsiteY13" fmla="*/ 614691 h 1410656"/>
              <a:gd name="connsiteX14" fmla="*/ 4692755 w 5260975"/>
              <a:gd name="connsiteY14" fmla="*/ 661162 h 1410656"/>
              <a:gd name="connsiteX15" fmla="*/ 4673744 w 5260975"/>
              <a:gd name="connsiteY15" fmla="*/ 686318 h 1410656"/>
              <a:gd name="connsiteX16" fmla="*/ 4633801 w 5260975"/>
              <a:gd name="connsiteY16" fmla="*/ 703505 h 1410656"/>
              <a:gd name="connsiteX17" fmla="*/ 4590499 w 5260975"/>
              <a:gd name="connsiteY17" fmla="*/ 730389 h 1410656"/>
              <a:gd name="connsiteX18" fmla="*/ 4559773 w 5260975"/>
              <a:gd name="connsiteY18" fmla="*/ 757081 h 1410656"/>
              <a:gd name="connsiteX19" fmla="*/ 4536059 w 5260975"/>
              <a:gd name="connsiteY19" fmla="*/ 774940 h 1410656"/>
              <a:gd name="connsiteX20" fmla="*/ 4502549 w 5260975"/>
              <a:gd name="connsiteY20" fmla="*/ 792895 h 1410656"/>
              <a:gd name="connsiteX21" fmla="*/ 4468944 w 5260975"/>
              <a:gd name="connsiteY21" fmla="*/ 816419 h 1410656"/>
              <a:gd name="connsiteX22" fmla="*/ 4452622 w 5260975"/>
              <a:gd name="connsiteY22" fmla="*/ 830917 h 1410656"/>
              <a:gd name="connsiteX23" fmla="*/ 4421032 w 5260975"/>
              <a:gd name="connsiteY23" fmla="*/ 855016 h 1410656"/>
              <a:gd name="connsiteX24" fmla="*/ 4388483 w 5260975"/>
              <a:gd name="connsiteY24" fmla="*/ 877484 h 1410656"/>
              <a:gd name="connsiteX25" fmla="*/ 4327321 w 5260975"/>
              <a:gd name="connsiteY25" fmla="*/ 903216 h 1410656"/>
              <a:gd name="connsiteX26" fmla="*/ 4271633 w 5260975"/>
              <a:gd name="connsiteY26" fmla="*/ 941046 h 1410656"/>
              <a:gd name="connsiteX27" fmla="*/ 4227465 w 5260975"/>
              <a:gd name="connsiteY27" fmla="*/ 968698 h 1410656"/>
              <a:gd name="connsiteX28" fmla="*/ 4201733 w 5260975"/>
              <a:gd name="connsiteY28" fmla="*/ 986846 h 1410656"/>
              <a:gd name="connsiteX29" fmla="*/ 4154494 w 5260975"/>
              <a:gd name="connsiteY29" fmla="*/ 1027364 h 1410656"/>
              <a:gd name="connsiteX30" fmla="*/ 4081234 w 5260975"/>
              <a:gd name="connsiteY30" fmla="*/ 1069994 h 1410656"/>
              <a:gd name="connsiteX31" fmla="*/ 4036971 w 5260975"/>
              <a:gd name="connsiteY31" fmla="*/ 1093038 h 1410656"/>
              <a:gd name="connsiteX32" fmla="*/ 3941725 w 5260975"/>
              <a:gd name="connsiteY32" fmla="*/ 1127796 h 1410656"/>
              <a:gd name="connsiteX33" fmla="*/ 3910999 w 5260975"/>
              <a:gd name="connsiteY33" fmla="*/ 1140182 h 1410656"/>
              <a:gd name="connsiteX34" fmla="*/ 3875859 w 5260975"/>
              <a:gd name="connsiteY34" fmla="*/ 1148343 h 1410656"/>
              <a:gd name="connsiteX35" fmla="*/ 3819401 w 5260975"/>
              <a:gd name="connsiteY35" fmla="*/ 1167642 h 1410656"/>
              <a:gd name="connsiteX36" fmla="*/ 3709176 w 5260975"/>
              <a:gd name="connsiteY36" fmla="*/ 1200863 h 1410656"/>
              <a:gd name="connsiteX37" fmla="*/ 3684981 w 5260975"/>
              <a:gd name="connsiteY37" fmla="*/ 1205952 h 1410656"/>
              <a:gd name="connsiteX38" fmla="*/ 3623338 w 5260975"/>
              <a:gd name="connsiteY38" fmla="*/ 1227363 h 1410656"/>
              <a:gd name="connsiteX39" fmla="*/ 3586373 w 5260975"/>
              <a:gd name="connsiteY39" fmla="*/ 1241765 h 1410656"/>
              <a:gd name="connsiteX40" fmla="*/ 3555743 w 5260975"/>
              <a:gd name="connsiteY40" fmla="*/ 1250023 h 1410656"/>
              <a:gd name="connsiteX41" fmla="*/ 3528667 w 5260975"/>
              <a:gd name="connsiteY41" fmla="*/ 1253864 h 1410656"/>
              <a:gd name="connsiteX42" fmla="*/ 3457424 w 5260975"/>
              <a:gd name="connsiteY42" fmla="*/ 1272874 h 1410656"/>
              <a:gd name="connsiteX43" fmla="*/ 3429003 w 5260975"/>
              <a:gd name="connsiteY43" fmla="*/ 1280364 h 1410656"/>
              <a:gd name="connsiteX44" fmla="*/ 3355264 w 5260975"/>
              <a:gd name="connsiteY44" fmla="*/ 1306096 h 1410656"/>
              <a:gd name="connsiteX45" fmla="*/ 3292757 w 5260975"/>
              <a:gd name="connsiteY45" fmla="*/ 1323090 h 1410656"/>
              <a:gd name="connsiteX46" fmla="*/ 3266643 w 5260975"/>
              <a:gd name="connsiteY46" fmla="*/ 1331251 h 1410656"/>
              <a:gd name="connsiteX47" fmla="*/ 3206921 w 5260975"/>
              <a:gd name="connsiteY47" fmla="*/ 1344886 h 1410656"/>
              <a:gd name="connsiteX48" fmla="*/ 3173123 w 5260975"/>
              <a:gd name="connsiteY48" fmla="*/ 1354488 h 1410656"/>
              <a:gd name="connsiteX49" fmla="*/ 3090646 w 5260975"/>
              <a:gd name="connsiteY49" fmla="*/ 1365337 h 1410656"/>
              <a:gd name="connsiteX50" fmla="*/ 3005480 w 5260975"/>
              <a:gd name="connsiteY50" fmla="*/ 1375802 h 1410656"/>
              <a:gd name="connsiteX51" fmla="*/ 2958721 w 5260975"/>
              <a:gd name="connsiteY51" fmla="*/ 1379259 h 1410656"/>
              <a:gd name="connsiteX52" fmla="*/ 2917915 w 5260975"/>
              <a:gd name="connsiteY52" fmla="*/ 1384733 h 1410656"/>
              <a:gd name="connsiteX53" fmla="*/ 2882389 w 5260975"/>
              <a:gd name="connsiteY53" fmla="*/ 1388189 h 1410656"/>
              <a:gd name="connsiteX54" fmla="*/ 2825837 w 5260975"/>
              <a:gd name="connsiteY54" fmla="*/ 1395198 h 1410656"/>
              <a:gd name="connsiteX55" fmla="*/ 2802313 w 5260975"/>
              <a:gd name="connsiteY55" fmla="*/ 1397023 h 1410656"/>
              <a:gd name="connsiteX56" fmla="*/ 2746816 w 5260975"/>
              <a:gd name="connsiteY56" fmla="*/ 1396926 h 1410656"/>
              <a:gd name="connsiteX57" fmla="*/ 2727517 w 5260975"/>
              <a:gd name="connsiteY57" fmla="*/ 1395966 h 1410656"/>
              <a:gd name="connsiteX58" fmla="*/ 2690359 w 5260975"/>
              <a:gd name="connsiteY58" fmla="*/ 1384060 h 1410656"/>
              <a:gd name="connsiteX59" fmla="*/ 2685943 w 5260975"/>
              <a:gd name="connsiteY59" fmla="*/ 1383196 h 1410656"/>
              <a:gd name="connsiteX60" fmla="*/ 2661554 w 5260975"/>
              <a:gd name="connsiteY60" fmla="*/ 1378491 h 1410656"/>
              <a:gd name="connsiteX61" fmla="*/ 2648208 w 5260975"/>
              <a:gd name="connsiteY61" fmla="*/ 1376955 h 1410656"/>
              <a:gd name="connsiteX62" fmla="*/ 2597512 w 5260975"/>
              <a:gd name="connsiteY62" fmla="*/ 1367162 h 1410656"/>
              <a:gd name="connsiteX63" fmla="*/ 2568324 w 5260975"/>
              <a:gd name="connsiteY63" fmla="*/ 1362553 h 1410656"/>
              <a:gd name="connsiteX64" fmla="*/ 2544704 w 5260975"/>
              <a:gd name="connsiteY64" fmla="*/ 1363225 h 1410656"/>
              <a:gd name="connsiteX65" fmla="*/ 2503225 w 5260975"/>
              <a:gd name="connsiteY65" fmla="*/ 1364089 h 1410656"/>
              <a:gd name="connsiteX66" fmla="*/ 2489975 w 5260975"/>
              <a:gd name="connsiteY66" fmla="*/ 1366298 h 1410656"/>
              <a:gd name="connsiteX67" fmla="*/ 2430061 w 5260975"/>
              <a:gd name="connsiteY67" fmla="*/ 1359960 h 1410656"/>
              <a:gd name="connsiteX68" fmla="*/ 2395880 w 5260975"/>
              <a:gd name="connsiteY68" fmla="*/ 1359480 h 1410656"/>
              <a:gd name="connsiteX69" fmla="*/ 2357378 w 5260975"/>
              <a:gd name="connsiteY69" fmla="*/ 1351607 h 1410656"/>
              <a:gd name="connsiteX70" fmla="*/ 2346145 w 5260975"/>
              <a:gd name="connsiteY70" fmla="*/ 1351991 h 1410656"/>
              <a:gd name="connsiteX71" fmla="*/ 2333567 w 5260975"/>
              <a:gd name="connsiteY71" fmla="*/ 1352663 h 1410656"/>
              <a:gd name="connsiteX72" fmla="*/ 2294968 w 5260975"/>
              <a:gd name="connsiteY72" fmla="*/ 1353240 h 1410656"/>
              <a:gd name="connsiteX73" fmla="*/ 2271540 w 5260975"/>
              <a:gd name="connsiteY73" fmla="*/ 1356120 h 1410656"/>
              <a:gd name="connsiteX74" fmla="*/ 2226895 w 5260975"/>
              <a:gd name="connsiteY74" fmla="*/ 1354392 h 1410656"/>
              <a:gd name="connsiteX75" fmla="*/ 2210379 w 5260975"/>
              <a:gd name="connsiteY75" fmla="*/ 1356888 h 1410656"/>
              <a:gd name="connsiteX76" fmla="*/ 2168613 w 5260975"/>
              <a:gd name="connsiteY76" fmla="*/ 1357176 h 1410656"/>
              <a:gd name="connsiteX77" fmla="*/ 2131167 w 5260975"/>
              <a:gd name="connsiteY77" fmla="*/ 1355736 h 1410656"/>
              <a:gd name="connsiteX78" fmla="*/ 2095065 w 5260975"/>
              <a:gd name="connsiteY78" fmla="*/ 1356504 h 1410656"/>
              <a:gd name="connsiteX79" fmla="*/ 2069237 w 5260975"/>
              <a:gd name="connsiteY79" fmla="*/ 1359672 h 1410656"/>
              <a:gd name="connsiteX80" fmla="*/ 2041201 w 5260975"/>
              <a:gd name="connsiteY80" fmla="*/ 1361592 h 1410656"/>
              <a:gd name="connsiteX81" fmla="*/ 1963909 w 5260975"/>
              <a:gd name="connsiteY81" fmla="*/ 1373018 h 1410656"/>
              <a:gd name="connsiteX82" fmla="*/ 1949603 w 5260975"/>
              <a:gd name="connsiteY82" fmla="*/ 1370234 h 1410656"/>
              <a:gd name="connsiteX83" fmla="*/ 1868373 w 5260975"/>
              <a:gd name="connsiteY83" fmla="*/ 1367641 h 1410656"/>
              <a:gd name="connsiteX84" fmla="*/ 1850707 w 5260975"/>
              <a:gd name="connsiteY84" fmla="*/ 1367834 h 1410656"/>
              <a:gd name="connsiteX85" fmla="*/ 1803275 w 5260975"/>
              <a:gd name="connsiteY85" fmla="*/ 1356504 h 1410656"/>
              <a:gd name="connsiteX86" fmla="*/ 1730112 w 5260975"/>
              <a:gd name="connsiteY86" fmla="*/ 1374459 h 1410656"/>
              <a:gd name="connsiteX87" fmla="*/ 1661652 w 5260975"/>
              <a:gd name="connsiteY87" fmla="*/ 1396926 h 1410656"/>
              <a:gd name="connsiteX88" fmla="*/ 1653011 w 5260975"/>
              <a:gd name="connsiteY88" fmla="*/ 1399807 h 1410656"/>
              <a:gd name="connsiteX89" fmla="*/ 1628431 w 5260975"/>
              <a:gd name="connsiteY89" fmla="*/ 1404704 h 1410656"/>
              <a:gd name="connsiteX90" fmla="*/ 1597995 w 5260975"/>
              <a:gd name="connsiteY90" fmla="*/ 1406432 h 1410656"/>
              <a:gd name="connsiteX91" fmla="*/ 1559396 w 5260975"/>
              <a:gd name="connsiteY91" fmla="*/ 1410656 h 1410656"/>
              <a:gd name="connsiteX92" fmla="*/ 1528480 w 5260975"/>
              <a:gd name="connsiteY92" fmla="*/ 1405375 h 1410656"/>
              <a:gd name="connsiteX93" fmla="*/ 1485272 w 5260975"/>
              <a:gd name="connsiteY93" fmla="*/ 1397502 h 1410656"/>
              <a:gd name="connsiteX94" fmla="*/ 1444562 w 5260975"/>
              <a:gd name="connsiteY94" fmla="*/ 1390013 h 1410656"/>
              <a:gd name="connsiteX95" fmla="*/ 1431696 w 5260975"/>
              <a:gd name="connsiteY95" fmla="*/ 1398846 h 1410656"/>
              <a:gd name="connsiteX96" fmla="*/ 1411821 w 5260975"/>
              <a:gd name="connsiteY96" fmla="*/ 1406527 h 1410656"/>
              <a:gd name="connsiteX97" fmla="*/ 1389738 w 5260975"/>
              <a:gd name="connsiteY97" fmla="*/ 1397310 h 1410656"/>
              <a:gd name="connsiteX98" fmla="*/ 1338081 w 5260975"/>
              <a:gd name="connsiteY98" fmla="*/ 1378204 h 1410656"/>
              <a:gd name="connsiteX99" fmla="*/ 1305436 w 5260975"/>
              <a:gd name="connsiteY99" fmla="*/ 1377339 h 1410656"/>
              <a:gd name="connsiteX100" fmla="*/ 1234481 w 5260975"/>
              <a:gd name="connsiteY100" fmla="*/ 1369178 h 1410656"/>
              <a:gd name="connsiteX101" fmla="*/ 1188106 w 5260975"/>
              <a:gd name="connsiteY101" fmla="*/ 1357560 h 1410656"/>
              <a:gd name="connsiteX102" fmla="*/ 1154790 w 5260975"/>
              <a:gd name="connsiteY102" fmla="*/ 1344406 h 1410656"/>
              <a:gd name="connsiteX103" fmla="*/ 1107069 w 5260975"/>
              <a:gd name="connsiteY103" fmla="*/ 1327219 h 1410656"/>
              <a:gd name="connsiteX104" fmla="*/ 1059158 w 5260975"/>
              <a:gd name="connsiteY104" fmla="*/ 1318290 h 1410656"/>
              <a:gd name="connsiteX105" fmla="*/ 1024496 w 5260975"/>
              <a:gd name="connsiteY105" fmla="*/ 1307056 h 1410656"/>
              <a:gd name="connsiteX106" fmla="*/ 982153 w 5260975"/>
              <a:gd name="connsiteY106" fmla="*/ 1299374 h 1410656"/>
              <a:gd name="connsiteX107" fmla="*/ 946628 w 5260975"/>
              <a:gd name="connsiteY107" fmla="*/ 1299087 h 1410656"/>
              <a:gd name="connsiteX108" fmla="*/ 890939 w 5260975"/>
              <a:gd name="connsiteY108" fmla="*/ 1300431 h 1410656"/>
              <a:gd name="connsiteX109" fmla="*/ 822769 w 5260975"/>
              <a:gd name="connsiteY109" fmla="*/ 1277196 h 1410656"/>
              <a:gd name="connsiteX110" fmla="*/ 795212 w 5260975"/>
              <a:gd name="connsiteY110" fmla="*/ 1272010 h 1410656"/>
              <a:gd name="connsiteX111" fmla="*/ 769288 w 5260975"/>
              <a:gd name="connsiteY111" fmla="*/ 1269610 h 1410656"/>
              <a:gd name="connsiteX112" fmla="*/ 714271 w 5260975"/>
              <a:gd name="connsiteY112" fmla="*/ 1254152 h 1410656"/>
              <a:gd name="connsiteX113" fmla="*/ 691900 w 5260975"/>
              <a:gd name="connsiteY113" fmla="*/ 1249062 h 1410656"/>
              <a:gd name="connsiteX114" fmla="*/ 660598 w 5260975"/>
              <a:gd name="connsiteY114" fmla="*/ 1249159 h 1410656"/>
              <a:gd name="connsiteX115" fmla="*/ 603662 w 5260975"/>
              <a:gd name="connsiteY115" fmla="*/ 1242054 h 1410656"/>
              <a:gd name="connsiteX116" fmla="*/ 546821 w 5260975"/>
              <a:gd name="connsiteY116" fmla="*/ 1221314 h 1410656"/>
              <a:gd name="connsiteX117" fmla="*/ 522721 w 5260975"/>
              <a:gd name="connsiteY117" fmla="*/ 1223330 h 1410656"/>
              <a:gd name="connsiteX118" fmla="*/ 514080 w 5260975"/>
              <a:gd name="connsiteY118" fmla="*/ 1222851 h 1410656"/>
              <a:gd name="connsiteX119" fmla="*/ 436404 w 5260975"/>
              <a:gd name="connsiteY119" fmla="*/ 1211424 h 1410656"/>
              <a:gd name="connsiteX120" fmla="*/ 428626 w 5260975"/>
              <a:gd name="connsiteY120" fmla="*/ 1210177 h 1410656"/>
              <a:gd name="connsiteX121" fmla="*/ 392141 w 5260975"/>
              <a:gd name="connsiteY121" fmla="*/ 1199999 h 1410656"/>
              <a:gd name="connsiteX122" fmla="*/ 300157 w 5260975"/>
              <a:gd name="connsiteY122" fmla="*/ 1193662 h 1410656"/>
              <a:gd name="connsiteX123" fmla="*/ 294493 w 5260975"/>
              <a:gd name="connsiteY123" fmla="*/ 1192894 h 1410656"/>
              <a:gd name="connsiteX124" fmla="*/ 263671 w 5260975"/>
              <a:gd name="connsiteY124" fmla="*/ 1197982 h 1410656"/>
              <a:gd name="connsiteX125" fmla="*/ 248406 w 5260975"/>
              <a:gd name="connsiteY125" fmla="*/ 1205184 h 1410656"/>
              <a:gd name="connsiteX126" fmla="*/ 224594 w 5260975"/>
              <a:gd name="connsiteY126" fmla="*/ 1212673 h 1410656"/>
              <a:gd name="connsiteX127" fmla="*/ 200398 w 5260975"/>
              <a:gd name="connsiteY127" fmla="*/ 1215458 h 1410656"/>
              <a:gd name="connsiteX128" fmla="*/ 159783 w 5260975"/>
              <a:gd name="connsiteY128" fmla="*/ 1204127 h 1410656"/>
              <a:gd name="connsiteX129" fmla="*/ 144997 w 5260975"/>
              <a:gd name="connsiteY129" fmla="*/ 1202975 h 1410656"/>
              <a:gd name="connsiteX130" fmla="*/ 112064 w 5260975"/>
              <a:gd name="connsiteY130" fmla="*/ 1197503 h 1410656"/>
              <a:gd name="connsiteX131" fmla="*/ 83259 w 5260975"/>
              <a:gd name="connsiteY131" fmla="*/ 1197887 h 1410656"/>
              <a:gd name="connsiteX132" fmla="*/ 60120 w 5260975"/>
              <a:gd name="connsiteY132" fmla="*/ 1206624 h 1410656"/>
              <a:gd name="connsiteX133" fmla="*/ 26514 w 5260975"/>
              <a:gd name="connsiteY133" fmla="*/ 1208352 h 1410656"/>
              <a:gd name="connsiteX134" fmla="*/ 4814 w 5260975"/>
              <a:gd name="connsiteY134" fmla="*/ 1202015 h 1410656"/>
              <a:gd name="connsiteX135" fmla="*/ 398 w 5260975"/>
              <a:gd name="connsiteY135" fmla="*/ 1201152 h 1410656"/>
              <a:gd name="connsiteX136" fmla="*/ 0 w 5260975"/>
              <a:gd name="connsiteY136" fmla="*/ 1201150 h 1410656"/>
              <a:gd name="connsiteX137" fmla="*/ 0 w 5260975"/>
              <a:gd name="connsiteY137" fmla="*/ 1004512 h 1410656"/>
              <a:gd name="connsiteX138" fmla="*/ 30355 w 5260975"/>
              <a:gd name="connsiteY138" fmla="*/ 1002784 h 1410656"/>
              <a:gd name="connsiteX139" fmla="*/ 52151 w 5260975"/>
              <a:gd name="connsiteY139" fmla="*/ 997695 h 1410656"/>
              <a:gd name="connsiteX140" fmla="*/ 64248 w 5260975"/>
              <a:gd name="connsiteY140" fmla="*/ 994430 h 1410656"/>
              <a:gd name="connsiteX141" fmla="*/ 126370 w 5260975"/>
              <a:gd name="connsiteY141" fmla="*/ 985405 h 1410656"/>
              <a:gd name="connsiteX142" fmla="*/ 154022 w 5260975"/>
              <a:gd name="connsiteY142" fmla="*/ 975708 h 1410656"/>
              <a:gd name="connsiteX143" fmla="*/ 161512 w 5260975"/>
              <a:gd name="connsiteY143" fmla="*/ 974268 h 1410656"/>
              <a:gd name="connsiteX144" fmla="*/ 202510 w 5260975"/>
              <a:gd name="connsiteY144" fmla="*/ 978300 h 1410656"/>
              <a:gd name="connsiteX145" fmla="*/ 233235 w 5260975"/>
              <a:gd name="connsiteY145" fmla="*/ 993950 h 1410656"/>
              <a:gd name="connsiteX146" fmla="*/ 239188 w 5260975"/>
              <a:gd name="connsiteY146" fmla="*/ 999231 h 1410656"/>
              <a:gd name="connsiteX147" fmla="*/ 324834 w 5260975"/>
              <a:gd name="connsiteY147" fmla="*/ 997407 h 1410656"/>
              <a:gd name="connsiteX148" fmla="*/ 337987 w 5260975"/>
              <a:gd name="connsiteY148" fmla="*/ 995198 h 1410656"/>
              <a:gd name="connsiteX149" fmla="*/ 401550 w 5260975"/>
              <a:gd name="connsiteY149" fmla="*/ 1004416 h 1410656"/>
              <a:gd name="connsiteX150" fmla="*/ 420081 w 5260975"/>
              <a:gd name="connsiteY150" fmla="*/ 1006240 h 1410656"/>
              <a:gd name="connsiteX151" fmla="*/ 486523 w 5260975"/>
              <a:gd name="connsiteY151" fmla="*/ 1014498 h 1410656"/>
              <a:gd name="connsiteX152" fmla="*/ 495932 w 5260975"/>
              <a:gd name="connsiteY152" fmla="*/ 1006817 h 1410656"/>
              <a:gd name="connsiteX153" fmla="*/ 523009 w 5260975"/>
              <a:gd name="connsiteY153" fmla="*/ 987517 h 1410656"/>
              <a:gd name="connsiteX154" fmla="*/ 576393 w 5260975"/>
              <a:gd name="connsiteY154" fmla="*/ 970427 h 1410656"/>
              <a:gd name="connsiteX155" fmla="*/ 590892 w 5260975"/>
              <a:gd name="connsiteY155" fmla="*/ 971387 h 1410656"/>
              <a:gd name="connsiteX156" fmla="*/ 627569 w 5260975"/>
              <a:gd name="connsiteY156" fmla="*/ 999904 h 1410656"/>
              <a:gd name="connsiteX157" fmla="*/ 645429 w 5260975"/>
              <a:gd name="connsiteY157" fmla="*/ 1011329 h 1410656"/>
              <a:gd name="connsiteX158" fmla="*/ 696125 w 5260975"/>
              <a:gd name="connsiteY158" fmla="*/ 1032356 h 1410656"/>
              <a:gd name="connsiteX159" fmla="*/ 700349 w 5260975"/>
              <a:gd name="connsiteY159" fmla="*/ 1036197 h 1410656"/>
              <a:gd name="connsiteX160" fmla="*/ 737795 w 5260975"/>
              <a:gd name="connsiteY160" fmla="*/ 1081804 h 1410656"/>
              <a:gd name="connsiteX161" fmla="*/ 746244 w 5260975"/>
              <a:gd name="connsiteY161" fmla="*/ 1089581 h 1410656"/>
              <a:gd name="connsiteX162" fmla="*/ 756422 w 5260975"/>
              <a:gd name="connsiteY162" fmla="*/ 1101680 h 1410656"/>
              <a:gd name="connsiteX163" fmla="*/ 788202 w 5260975"/>
              <a:gd name="connsiteY163" fmla="*/ 1125108 h 1410656"/>
              <a:gd name="connsiteX164" fmla="*/ 827569 w 5260975"/>
              <a:gd name="connsiteY164" fmla="*/ 1132596 h 1410656"/>
              <a:gd name="connsiteX165" fmla="*/ 875097 w 5260975"/>
              <a:gd name="connsiteY165" fmla="*/ 1144022 h 1410656"/>
              <a:gd name="connsiteX166" fmla="*/ 894972 w 5260975"/>
              <a:gd name="connsiteY166" fmla="*/ 1151704 h 1410656"/>
              <a:gd name="connsiteX167" fmla="*/ 948260 w 5260975"/>
              <a:gd name="connsiteY167" fmla="*/ 1166298 h 1410656"/>
              <a:gd name="connsiteX168" fmla="*/ 986282 w 5260975"/>
              <a:gd name="connsiteY168" fmla="*/ 1178588 h 1410656"/>
              <a:gd name="connsiteX169" fmla="*/ 1041107 w 5260975"/>
              <a:gd name="connsiteY169" fmla="*/ 1185789 h 1410656"/>
              <a:gd name="connsiteX170" fmla="*/ 1067703 w 5260975"/>
              <a:gd name="connsiteY170" fmla="*/ 1186076 h 1410656"/>
              <a:gd name="connsiteX171" fmla="*/ 1116574 w 5260975"/>
              <a:gd name="connsiteY171" fmla="*/ 1222946 h 1410656"/>
              <a:gd name="connsiteX172" fmla="*/ 1155557 w 5260975"/>
              <a:gd name="connsiteY172" fmla="*/ 1247335 h 1410656"/>
              <a:gd name="connsiteX173" fmla="*/ 1196556 w 5260975"/>
              <a:gd name="connsiteY173" fmla="*/ 1235525 h 1410656"/>
              <a:gd name="connsiteX174" fmla="*/ 1207693 w 5260975"/>
              <a:gd name="connsiteY174" fmla="*/ 1224387 h 1410656"/>
              <a:gd name="connsiteX175" fmla="*/ 1274904 w 5260975"/>
              <a:gd name="connsiteY175" fmla="*/ 1213826 h 1410656"/>
              <a:gd name="connsiteX176" fmla="*/ 1370919 w 5260975"/>
              <a:gd name="connsiteY176" fmla="*/ 1213442 h 1410656"/>
              <a:gd name="connsiteX177" fmla="*/ 1530593 w 5260975"/>
              <a:gd name="connsiteY177" fmla="*/ 1189437 h 1410656"/>
              <a:gd name="connsiteX178" fmla="*/ 1558436 w 5260975"/>
              <a:gd name="connsiteY178" fmla="*/ 1178299 h 1410656"/>
              <a:gd name="connsiteX179" fmla="*/ 1589737 w 5260975"/>
              <a:gd name="connsiteY179" fmla="*/ 1175515 h 1410656"/>
              <a:gd name="connsiteX180" fmla="*/ 1601740 w 5260975"/>
              <a:gd name="connsiteY180" fmla="*/ 1182333 h 1410656"/>
              <a:gd name="connsiteX181" fmla="*/ 1654259 w 5260975"/>
              <a:gd name="connsiteY181" fmla="*/ 1192510 h 1410656"/>
              <a:gd name="connsiteX182" fmla="*/ 1664246 w 5260975"/>
              <a:gd name="connsiteY182" fmla="*/ 1192702 h 1410656"/>
              <a:gd name="connsiteX183" fmla="*/ 1698427 w 5260975"/>
              <a:gd name="connsiteY183" fmla="*/ 1188381 h 1410656"/>
              <a:gd name="connsiteX184" fmla="*/ 1730112 w 5260975"/>
              <a:gd name="connsiteY184" fmla="*/ 1185885 h 1410656"/>
              <a:gd name="connsiteX185" fmla="*/ 1809996 w 5260975"/>
              <a:gd name="connsiteY185" fmla="*/ 1194046 h 1410656"/>
              <a:gd name="connsiteX186" fmla="*/ 1871254 w 5260975"/>
              <a:gd name="connsiteY186" fmla="*/ 1192126 h 1410656"/>
              <a:gd name="connsiteX187" fmla="*/ 1899482 w 5260975"/>
              <a:gd name="connsiteY187" fmla="*/ 1194046 h 1410656"/>
              <a:gd name="connsiteX188" fmla="*/ 1915420 w 5260975"/>
              <a:gd name="connsiteY188" fmla="*/ 1196927 h 1410656"/>
              <a:gd name="connsiteX189" fmla="*/ 1951522 w 5260975"/>
              <a:gd name="connsiteY189" fmla="*/ 1216994 h 1410656"/>
              <a:gd name="connsiteX190" fmla="*/ 1971302 w 5260975"/>
              <a:gd name="connsiteY190" fmla="*/ 1221507 h 1410656"/>
              <a:gd name="connsiteX191" fmla="*/ 2030831 w 5260975"/>
              <a:gd name="connsiteY191" fmla="*/ 1221123 h 1410656"/>
              <a:gd name="connsiteX192" fmla="*/ 2120125 w 5260975"/>
              <a:gd name="connsiteY192" fmla="*/ 1190878 h 1410656"/>
              <a:gd name="connsiteX193" fmla="*/ 2129439 w 5260975"/>
              <a:gd name="connsiteY193" fmla="*/ 1186845 h 1410656"/>
              <a:gd name="connsiteX194" fmla="*/ 2174854 w 5260975"/>
              <a:gd name="connsiteY194" fmla="*/ 1181852 h 1410656"/>
              <a:gd name="connsiteX195" fmla="*/ 2205674 w 5260975"/>
              <a:gd name="connsiteY195" fmla="*/ 1188669 h 1410656"/>
              <a:gd name="connsiteX196" fmla="*/ 2247634 w 5260975"/>
              <a:gd name="connsiteY196" fmla="*/ 1202784 h 1410656"/>
              <a:gd name="connsiteX197" fmla="*/ 2285367 w 5260975"/>
              <a:gd name="connsiteY197" fmla="*/ 1214594 h 1410656"/>
              <a:gd name="connsiteX198" fmla="*/ 2312827 w 5260975"/>
              <a:gd name="connsiteY198" fmla="*/ 1227939 h 1410656"/>
              <a:gd name="connsiteX199" fmla="*/ 2375622 w 5260975"/>
              <a:gd name="connsiteY199" fmla="*/ 1237733 h 1410656"/>
              <a:gd name="connsiteX200" fmla="*/ 2382151 w 5260975"/>
              <a:gd name="connsiteY200" fmla="*/ 1239365 h 1410656"/>
              <a:gd name="connsiteX201" fmla="*/ 2429390 w 5260975"/>
              <a:gd name="connsiteY201" fmla="*/ 1227459 h 1410656"/>
              <a:gd name="connsiteX202" fmla="*/ 2486134 w 5260975"/>
              <a:gd name="connsiteY202" fmla="*/ 1215362 h 1410656"/>
              <a:gd name="connsiteX203" fmla="*/ 2506394 w 5260975"/>
              <a:gd name="connsiteY203" fmla="*/ 1219490 h 1410656"/>
              <a:gd name="connsiteX204" fmla="*/ 2534142 w 5260975"/>
              <a:gd name="connsiteY204" fmla="*/ 1225347 h 1410656"/>
              <a:gd name="connsiteX205" fmla="*/ 2559874 w 5260975"/>
              <a:gd name="connsiteY205" fmla="*/ 1222275 h 1410656"/>
              <a:gd name="connsiteX206" fmla="*/ 2575525 w 5260975"/>
              <a:gd name="connsiteY206" fmla="*/ 1221987 h 1410656"/>
              <a:gd name="connsiteX207" fmla="*/ 2646960 w 5260975"/>
              <a:gd name="connsiteY207" fmla="*/ 1257896 h 1410656"/>
              <a:gd name="connsiteX208" fmla="*/ 2665107 w 5260975"/>
              <a:gd name="connsiteY208" fmla="*/ 1260873 h 1410656"/>
              <a:gd name="connsiteX209" fmla="*/ 2675381 w 5260975"/>
              <a:gd name="connsiteY209" fmla="*/ 1265290 h 1410656"/>
              <a:gd name="connsiteX210" fmla="*/ 2737311 w 5260975"/>
              <a:gd name="connsiteY210" fmla="*/ 1309841 h 1410656"/>
              <a:gd name="connsiteX211" fmla="*/ 2763619 w 5260975"/>
              <a:gd name="connsiteY211" fmla="*/ 1318866 h 1410656"/>
              <a:gd name="connsiteX212" fmla="*/ 2792519 w 5260975"/>
              <a:gd name="connsiteY212" fmla="*/ 1317041 h 1410656"/>
              <a:gd name="connsiteX213" fmla="*/ 2809226 w 5260975"/>
              <a:gd name="connsiteY213" fmla="*/ 1313777 h 1410656"/>
              <a:gd name="connsiteX214" fmla="*/ 2850705 w 5260975"/>
              <a:gd name="connsiteY214" fmla="*/ 1285452 h 1410656"/>
              <a:gd name="connsiteX215" fmla="*/ 2874324 w 5260975"/>
              <a:gd name="connsiteY215" fmla="*/ 1286413 h 1410656"/>
              <a:gd name="connsiteX216" fmla="*/ 2911194 w 5260975"/>
              <a:gd name="connsiteY216" fmla="*/ 1305903 h 1410656"/>
              <a:gd name="connsiteX217" fmla="*/ 2978116 w 5260975"/>
              <a:gd name="connsiteY217" fmla="*/ 1314641 h 1410656"/>
              <a:gd name="connsiteX218" fmla="*/ 3012106 w 5260975"/>
              <a:gd name="connsiteY218" fmla="*/ 1287373 h 1410656"/>
              <a:gd name="connsiteX219" fmla="*/ 3029676 w 5260975"/>
              <a:gd name="connsiteY219" fmla="*/ 1261161 h 1410656"/>
              <a:gd name="connsiteX220" fmla="*/ 3080469 w 5260975"/>
              <a:gd name="connsiteY220" fmla="*/ 1230724 h 1410656"/>
              <a:gd name="connsiteX221" fmla="*/ 3092567 w 5260975"/>
              <a:gd name="connsiteY221" fmla="*/ 1242054 h 1410656"/>
              <a:gd name="connsiteX222" fmla="*/ 3129821 w 5260975"/>
              <a:gd name="connsiteY222" fmla="*/ 1246855 h 1410656"/>
              <a:gd name="connsiteX223" fmla="*/ 3170147 w 5260975"/>
              <a:gd name="connsiteY223" fmla="*/ 1246471 h 1410656"/>
              <a:gd name="connsiteX224" fmla="*/ 3240429 w 5260975"/>
              <a:gd name="connsiteY224" fmla="*/ 1251559 h 1410656"/>
              <a:gd name="connsiteX225" fmla="*/ 3287189 w 5260975"/>
              <a:gd name="connsiteY225" fmla="*/ 1222466 h 1410656"/>
              <a:gd name="connsiteX226" fmla="*/ 3305049 w 5260975"/>
              <a:gd name="connsiteY226" fmla="*/ 1210465 h 1410656"/>
              <a:gd name="connsiteX227" fmla="*/ 3321755 w 5260975"/>
              <a:gd name="connsiteY227" fmla="*/ 1202784 h 1410656"/>
              <a:gd name="connsiteX228" fmla="*/ 3341055 w 5260975"/>
              <a:gd name="connsiteY228" fmla="*/ 1198463 h 1410656"/>
              <a:gd name="connsiteX229" fmla="*/ 3387621 w 5260975"/>
              <a:gd name="connsiteY229" fmla="*/ 1182140 h 1410656"/>
              <a:gd name="connsiteX230" fmla="*/ 3413161 w 5260975"/>
              <a:gd name="connsiteY230" fmla="*/ 1166105 h 1410656"/>
              <a:gd name="connsiteX231" fmla="*/ 3470579 w 5260975"/>
              <a:gd name="connsiteY231" fmla="*/ 1150647 h 1410656"/>
              <a:gd name="connsiteX232" fmla="*/ 3509657 w 5260975"/>
              <a:gd name="connsiteY232" fmla="*/ 1136821 h 1410656"/>
              <a:gd name="connsiteX233" fmla="*/ 3550847 w 5260975"/>
              <a:gd name="connsiteY233" fmla="*/ 1113009 h 1410656"/>
              <a:gd name="connsiteX234" fmla="*/ 3556608 w 5260975"/>
              <a:gd name="connsiteY234" fmla="*/ 1109361 h 1410656"/>
              <a:gd name="connsiteX235" fmla="*/ 3570435 w 5260975"/>
              <a:gd name="connsiteY235" fmla="*/ 1093710 h 1410656"/>
              <a:gd name="connsiteX236" fmla="*/ 3590501 w 5260975"/>
              <a:gd name="connsiteY236" fmla="*/ 1039846 h 1410656"/>
              <a:gd name="connsiteX237" fmla="*/ 3596263 w 5260975"/>
              <a:gd name="connsiteY237" fmla="*/ 1028900 h 1410656"/>
              <a:gd name="connsiteX238" fmla="*/ 3648591 w 5260975"/>
              <a:gd name="connsiteY238" fmla="*/ 992030 h 1410656"/>
              <a:gd name="connsiteX239" fmla="*/ 3667986 w 5260975"/>
              <a:gd name="connsiteY239" fmla="*/ 995487 h 1410656"/>
              <a:gd name="connsiteX240" fmla="*/ 3689397 w 5260975"/>
              <a:gd name="connsiteY240" fmla="*/ 1007585 h 1410656"/>
              <a:gd name="connsiteX241" fmla="*/ 3736349 w 5260975"/>
              <a:gd name="connsiteY241" fmla="*/ 1010753 h 1410656"/>
              <a:gd name="connsiteX242" fmla="*/ 3753919 w 5260975"/>
              <a:gd name="connsiteY242" fmla="*/ 1004513 h 1410656"/>
              <a:gd name="connsiteX243" fmla="*/ 3784643 w 5260975"/>
              <a:gd name="connsiteY243" fmla="*/ 987710 h 1410656"/>
              <a:gd name="connsiteX244" fmla="*/ 3808359 w 5260975"/>
              <a:gd name="connsiteY244" fmla="*/ 961689 h 1410656"/>
              <a:gd name="connsiteX245" fmla="*/ 3842829 w 5260975"/>
              <a:gd name="connsiteY245" fmla="*/ 918674 h 1410656"/>
              <a:gd name="connsiteX246" fmla="*/ 3908983 w 5260975"/>
              <a:gd name="connsiteY246" fmla="*/ 902256 h 1410656"/>
              <a:gd name="connsiteX247" fmla="*/ 3934428 w 5260975"/>
              <a:gd name="connsiteY247" fmla="*/ 896783 h 1410656"/>
              <a:gd name="connsiteX248" fmla="*/ 4026987 w 5260975"/>
              <a:gd name="connsiteY248" fmla="*/ 873835 h 1410656"/>
              <a:gd name="connsiteX249" fmla="*/ 4035051 w 5260975"/>
              <a:gd name="connsiteY249" fmla="*/ 873067 h 1410656"/>
              <a:gd name="connsiteX250" fmla="*/ 4099189 w 5260975"/>
              <a:gd name="connsiteY250" fmla="*/ 846664 h 1410656"/>
              <a:gd name="connsiteX251" fmla="*/ 4114647 w 5260975"/>
              <a:gd name="connsiteY251" fmla="*/ 840134 h 1410656"/>
              <a:gd name="connsiteX252" fmla="*/ 4133563 w 5260975"/>
              <a:gd name="connsiteY252" fmla="*/ 823427 h 1410656"/>
              <a:gd name="connsiteX253" fmla="*/ 4151039 w 5260975"/>
              <a:gd name="connsiteY253" fmla="*/ 776284 h 1410656"/>
              <a:gd name="connsiteX254" fmla="*/ 4171489 w 5260975"/>
              <a:gd name="connsiteY254" fmla="*/ 754776 h 1410656"/>
              <a:gd name="connsiteX255" fmla="*/ 4186372 w 5260975"/>
              <a:gd name="connsiteY255" fmla="*/ 741718 h 1410656"/>
              <a:gd name="connsiteX256" fmla="*/ 4199429 w 5260975"/>
              <a:gd name="connsiteY256" fmla="*/ 721940 h 1410656"/>
              <a:gd name="connsiteX257" fmla="*/ 4212487 w 5260975"/>
              <a:gd name="connsiteY257" fmla="*/ 674604 h 1410656"/>
              <a:gd name="connsiteX258" fmla="*/ 4232555 w 5260975"/>
              <a:gd name="connsiteY258" fmla="*/ 632645 h 1410656"/>
              <a:gd name="connsiteX259" fmla="*/ 4268657 w 5260975"/>
              <a:gd name="connsiteY259" fmla="*/ 609410 h 1410656"/>
              <a:gd name="connsiteX260" fmla="*/ 4291028 w 5260975"/>
              <a:gd name="connsiteY260" fmla="*/ 597216 h 1410656"/>
              <a:gd name="connsiteX261" fmla="*/ 4379651 w 5260975"/>
              <a:gd name="connsiteY261" fmla="*/ 609506 h 1410656"/>
              <a:gd name="connsiteX262" fmla="*/ 4440139 w 5260975"/>
              <a:gd name="connsiteY262" fmla="*/ 621507 h 1410656"/>
              <a:gd name="connsiteX263" fmla="*/ 4460015 w 5260975"/>
              <a:gd name="connsiteY263" fmla="*/ 616899 h 1410656"/>
              <a:gd name="connsiteX264" fmla="*/ 4516183 w 5260975"/>
              <a:gd name="connsiteY264" fmla="*/ 577724 h 1410656"/>
              <a:gd name="connsiteX265" fmla="*/ 4571681 w 5260975"/>
              <a:gd name="connsiteY265" fmla="*/ 560250 h 1410656"/>
              <a:gd name="connsiteX266" fmla="*/ 4613447 w 5260975"/>
              <a:gd name="connsiteY266" fmla="*/ 555257 h 1410656"/>
              <a:gd name="connsiteX267" fmla="*/ 4649355 w 5260975"/>
              <a:gd name="connsiteY267" fmla="*/ 551417 h 1410656"/>
              <a:gd name="connsiteX268" fmla="*/ 4692467 w 5260975"/>
              <a:gd name="connsiteY268" fmla="*/ 540663 h 1410656"/>
              <a:gd name="connsiteX269" fmla="*/ 4716855 w 5260975"/>
              <a:gd name="connsiteY269" fmla="*/ 528949 h 1410656"/>
              <a:gd name="connsiteX270" fmla="*/ 4755645 w 5260975"/>
              <a:gd name="connsiteY270" fmla="*/ 512147 h 1410656"/>
              <a:gd name="connsiteX271" fmla="*/ 4795395 w 5260975"/>
              <a:gd name="connsiteY271" fmla="*/ 490351 h 1410656"/>
              <a:gd name="connsiteX272" fmla="*/ 4825928 w 5260975"/>
              <a:gd name="connsiteY272" fmla="*/ 459818 h 1410656"/>
              <a:gd name="connsiteX273" fmla="*/ 4842347 w 5260975"/>
              <a:gd name="connsiteY273" fmla="*/ 434086 h 1410656"/>
              <a:gd name="connsiteX274" fmla="*/ 4890451 w 5260975"/>
              <a:gd name="connsiteY274" fmla="*/ 397216 h 1410656"/>
              <a:gd name="connsiteX275" fmla="*/ 4933945 w 5260975"/>
              <a:gd name="connsiteY275" fmla="*/ 327701 h 1410656"/>
              <a:gd name="connsiteX276" fmla="*/ 4961214 w 5260975"/>
              <a:gd name="connsiteY276" fmla="*/ 298801 h 1410656"/>
              <a:gd name="connsiteX277" fmla="*/ 4976672 w 5260975"/>
              <a:gd name="connsiteY277" fmla="*/ 290639 h 1410656"/>
              <a:gd name="connsiteX278" fmla="*/ 5002979 w 5260975"/>
              <a:gd name="connsiteY278" fmla="*/ 270573 h 1410656"/>
              <a:gd name="connsiteX279" fmla="*/ 5018535 w 5260975"/>
              <a:gd name="connsiteY279" fmla="*/ 255690 h 1410656"/>
              <a:gd name="connsiteX280" fmla="*/ 5061069 w 5260975"/>
              <a:gd name="connsiteY280" fmla="*/ 200961 h 1410656"/>
              <a:gd name="connsiteX281" fmla="*/ 5074127 w 5260975"/>
              <a:gd name="connsiteY281" fmla="*/ 184735 h 1410656"/>
              <a:gd name="connsiteX282" fmla="*/ 5101108 w 5260975"/>
              <a:gd name="connsiteY282" fmla="*/ 156891 h 1410656"/>
              <a:gd name="connsiteX283" fmla="*/ 5112918 w 5260975"/>
              <a:gd name="connsiteY283" fmla="*/ 148441 h 1410656"/>
              <a:gd name="connsiteX284" fmla="*/ 5133753 w 5260975"/>
              <a:gd name="connsiteY284" fmla="*/ 125782 h 1410656"/>
              <a:gd name="connsiteX285" fmla="*/ 5183393 w 5260975"/>
              <a:gd name="connsiteY285" fmla="*/ 66348 h 1410656"/>
              <a:gd name="connsiteX286" fmla="*/ 5204709 w 5260975"/>
              <a:gd name="connsiteY286" fmla="*/ 33030 h 1410656"/>
              <a:gd name="connsiteX287" fmla="*/ 5247243 w 5260975"/>
              <a:gd name="connsiteY287" fmla="*/ 8451 h 14106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</a:cxnLst>
            <a:rect l="l" t="t" r="r" b="b"/>
            <a:pathLst>
              <a:path w="5260975" h="1410656">
                <a:moveTo>
                  <a:pt x="5260975" y="0"/>
                </a:moveTo>
                <a:lnTo>
                  <a:pt x="5260975" y="221634"/>
                </a:lnTo>
                <a:lnTo>
                  <a:pt x="5226503" y="237063"/>
                </a:lnTo>
                <a:cubicBezTo>
                  <a:pt x="5219783" y="239848"/>
                  <a:pt x="5212389" y="241384"/>
                  <a:pt x="5206341" y="245128"/>
                </a:cubicBezTo>
                <a:cubicBezTo>
                  <a:pt x="5178495" y="262219"/>
                  <a:pt x="5151515" y="280654"/>
                  <a:pt x="5123287" y="297073"/>
                </a:cubicBezTo>
                <a:cubicBezTo>
                  <a:pt x="5094195" y="314067"/>
                  <a:pt x="5068175" y="334134"/>
                  <a:pt x="5048107" y="361307"/>
                </a:cubicBezTo>
                <a:cubicBezTo>
                  <a:pt x="5029480" y="386559"/>
                  <a:pt x="5011429" y="412194"/>
                  <a:pt x="4992899" y="437542"/>
                </a:cubicBezTo>
                <a:cubicBezTo>
                  <a:pt x="4988194" y="443975"/>
                  <a:pt x="4983873" y="451561"/>
                  <a:pt x="4977440" y="455690"/>
                </a:cubicBezTo>
                <a:cubicBezTo>
                  <a:pt x="4964094" y="464331"/>
                  <a:pt x="4949499" y="471340"/>
                  <a:pt x="4935193" y="478445"/>
                </a:cubicBezTo>
                <a:cubicBezTo>
                  <a:pt x="4922903" y="484494"/>
                  <a:pt x="4909845" y="489006"/>
                  <a:pt x="4897844" y="495535"/>
                </a:cubicBezTo>
                <a:cubicBezTo>
                  <a:pt x="4888243" y="500721"/>
                  <a:pt x="4879697" y="507922"/>
                  <a:pt x="4870767" y="514451"/>
                </a:cubicBezTo>
                <a:cubicBezTo>
                  <a:pt x="4862990" y="520115"/>
                  <a:pt x="4854445" y="525012"/>
                  <a:pt x="4847916" y="531830"/>
                </a:cubicBezTo>
                <a:cubicBezTo>
                  <a:pt x="4831977" y="548344"/>
                  <a:pt x="4815942" y="564571"/>
                  <a:pt x="4796163" y="576765"/>
                </a:cubicBezTo>
                <a:cubicBezTo>
                  <a:pt x="4776672" y="588862"/>
                  <a:pt x="4758237" y="602401"/>
                  <a:pt x="4738843" y="614691"/>
                </a:cubicBezTo>
                <a:cubicBezTo>
                  <a:pt x="4719831" y="626693"/>
                  <a:pt x="4702645" y="639846"/>
                  <a:pt x="4692755" y="661162"/>
                </a:cubicBezTo>
                <a:cubicBezTo>
                  <a:pt x="4688339" y="670571"/>
                  <a:pt x="4682097" y="680845"/>
                  <a:pt x="4673744" y="686318"/>
                </a:cubicBezTo>
                <a:cubicBezTo>
                  <a:pt x="4661838" y="694095"/>
                  <a:pt x="4646764" y="696880"/>
                  <a:pt x="4633801" y="703505"/>
                </a:cubicBezTo>
                <a:cubicBezTo>
                  <a:pt x="4618535" y="711282"/>
                  <a:pt x="4600869" y="718003"/>
                  <a:pt x="4590499" y="730389"/>
                </a:cubicBezTo>
                <a:cubicBezTo>
                  <a:pt x="4581281" y="741431"/>
                  <a:pt x="4571968" y="750072"/>
                  <a:pt x="4559773" y="757081"/>
                </a:cubicBezTo>
                <a:cubicBezTo>
                  <a:pt x="4551229" y="761978"/>
                  <a:pt x="4544892" y="770907"/>
                  <a:pt x="4536059" y="774940"/>
                </a:cubicBezTo>
                <a:cubicBezTo>
                  <a:pt x="4524441" y="780317"/>
                  <a:pt x="4512727" y="784542"/>
                  <a:pt x="4502549" y="792895"/>
                </a:cubicBezTo>
                <a:cubicBezTo>
                  <a:pt x="4491987" y="801536"/>
                  <a:pt x="4479986" y="808353"/>
                  <a:pt x="4468944" y="816419"/>
                </a:cubicBezTo>
                <a:cubicBezTo>
                  <a:pt x="4463087" y="820739"/>
                  <a:pt x="4458286" y="826404"/>
                  <a:pt x="4452622" y="830917"/>
                </a:cubicBezTo>
                <a:cubicBezTo>
                  <a:pt x="4442252" y="839174"/>
                  <a:pt x="4431690" y="847239"/>
                  <a:pt x="4421032" y="855016"/>
                </a:cubicBezTo>
                <a:cubicBezTo>
                  <a:pt x="4410375" y="862794"/>
                  <a:pt x="4400197" y="871819"/>
                  <a:pt x="4388483" y="877484"/>
                </a:cubicBezTo>
                <a:cubicBezTo>
                  <a:pt x="4368513" y="887086"/>
                  <a:pt x="4346717" y="892847"/>
                  <a:pt x="4327321" y="903216"/>
                </a:cubicBezTo>
                <a:cubicBezTo>
                  <a:pt x="4307639" y="913777"/>
                  <a:pt x="4289107" y="927028"/>
                  <a:pt x="4271633" y="941046"/>
                </a:cubicBezTo>
                <a:cubicBezTo>
                  <a:pt x="4257807" y="952088"/>
                  <a:pt x="4244845" y="963034"/>
                  <a:pt x="4227465" y="968698"/>
                </a:cubicBezTo>
                <a:cubicBezTo>
                  <a:pt x="4217768" y="971867"/>
                  <a:pt x="4207591" y="978780"/>
                  <a:pt x="4201733" y="986846"/>
                </a:cubicBezTo>
                <a:cubicBezTo>
                  <a:pt x="4189059" y="1004416"/>
                  <a:pt x="4172833" y="1016802"/>
                  <a:pt x="4154494" y="1027364"/>
                </a:cubicBezTo>
                <a:cubicBezTo>
                  <a:pt x="4130010" y="1041574"/>
                  <a:pt x="4105814" y="1056072"/>
                  <a:pt x="4081234" y="1069994"/>
                </a:cubicBezTo>
                <a:cubicBezTo>
                  <a:pt x="4066737" y="1078252"/>
                  <a:pt x="4052335" y="1086989"/>
                  <a:pt x="4036971" y="1093038"/>
                </a:cubicBezTo>
                <a:cubicBezTo>
                  <a:pt x="4005575" y="1105520"/>
                  <a:pt x="3973410" y="1116177"/>
                  <a:pt x="3941725" y="1127796"/>
                </a:cubicBezTo>
                <a:cubicBezTo>
                  <a:pt x="3931355" y="1131540"/>
                  <a:pt x="3921561" y="1136917"/>
                  <a:pt x="3910999" y="1140182"/>
                </a:cubicBezTo>
                <a:cubicBezTo>
                  <a:pt x="3899573" y="1143734"/>
                  <a:pt x="3887285" y="1144790"/>
                  <a:pt x="3875859" y="1148343"/>
                </a:cubicBezTo>
                <a:cubicBezTo>
                  <a:pt x="3856847" y="1154199"/>
                  <a:pt x="3838412" y="1161689"/>
                  <a:pt x="3819401" y="1167642"/>
                </a:cubicBezTo>
                <a:cubicBezTo>
                  <a:pt x="3782723" y="1179068"/>
                  <a:pt x="3745949" y="1190014"/>
                  <a:pt x="3709176" y="1200863"/>
                </a:cubicBezTo>
                <a:cubicBezTo>
                  <a:pt x="3701303" y="1203168"/>
                  <a:pt x="3692757" y="1203456"/>
                  <a:pt x="3684981" y="1205952"/>
                </a:cubicBezTo>
                <a:cubicBezTo>
                  <a:pt x="3664337" y="1212673"/>
                  <a:pt x="3643789" y="1219970"/>
                  <a:pt x="3623338" y="1227363"/>
                </a:cubicBezTo>
                <a:cubicBezTo>
                  <a:pt x="3610953" y="1231876"/>
                  <a:pt x="3598854" y="1237445"/>
                  <a:pt x="3586373" y="1241765"/>
                </a:cubicBezTo>
                <a:cubicBezTo>
                  <a:pt x="3576387" y="1245222"/>
                  <a:pt x="3566113" y="1247910"/>
                  <a:pt x="3555743" y="1250023"/>
                </a:cubicBezTo>
                <a:cubicBezTo>
                  <a:pt x="3546814" y="1251848"/>
                  <a:pt x="3537501" y="1251655"/>
                  <a:pt x="3528667" y="1253864"/>
                </a:cubicBezTo>
                <a:cubicBezTo>
                  <a:pt x="3504759" y="1259816"/>
                  <a:pt x="3481140" y="1266538"/>
                  <a:pt x="3457424" y="1272874"/>
                </a:cubicBezTo>
                <a:cubicBezTo>
                  <a:pt x="3447919" y="1275371"/>
                  <a:pt x="3438221" y="1277196"/>
                  <a:pt x="3429003" y="1280364"/>
                </a:cubicBezTo>
                <a:cubicBezTo>
                  <a:pt x="3404327" y="1288717"/>
                  <a:pt x="3380036" y="1298222"/>
                  <a:pt x="3355264" y="1306096"/>
                </a:cubicBezTo>
                <a:cubicBezTo>
                  <a:pt x="3334717" y="1312625"/>
                  <a:pt x="3313593" y="1317329"/>
                  <a:pt x="3292757" y="1323090"/>
                </a:cubicBezTo>
                <a:cubicBezTo>
                  <a:pt x="3283924" y="1325587"/>
                  <a:pt x="3275475" y="1329140"/>
                  <a:pt x="3266643" y="1331251"/>
                </a:cubicBezTo>
                <a:cubicBezTo>
                  <a:pt x="3246863" y="1336053"/>
                  <a:pt x="3226796" y="1340085"/>
                  <a:pt x="3206921" y="1344886"/>
                </a:cubicBezTo>
                <a:cubicBezTo>
                  <a:pt x="3195590" y="1347670"/>
                  <a:pt x="3184645" y="1352663"/>
                  <a:pt x="3173123" y="1354488"/>
                </a:cubicBezTo>
                <a:cubicBezTo>
                  <a:pt x="3145759" y="1358808"/>
                  <a:pt x="3118203" y="1361880"/>
                  <a:pt x="3090646" y="1365337"/>
                </a:cubicBezTo>
                <a:cubicBezTo>
                  <a:pt x="3062227" y="1368889"/>
                  <a:pt x="3033902" y="1372634"/>
                  <a:pt x="3005480" y="1375802"/>
                </a:cubicBezTo>
                <a:cubicBezTo>
                  <a:pt x="2989926" y="1377435"/>
                  <a:pt x="2974275" y="1377723"/>
                  <a:pt x="2958721" y="1379259"/>
                </a:cubicBezTo>
                <a:cubicBezTo>
                  <a:pt x="2945087" y="1380604"/>
                  <a:pt x="2931549" y="1383100"/>
                  <a:pt x="2917915" y="1384733"/>
                </a:cubicBezTo>
                <a:cubicBezTo>
                  <a:pt x="2906105" y="1386076"/>
                  <a:pt x="2894199" y="1386844"/>
                  <a:pt x="2882389" y="1388189"/>
                </a:cubicBezTo>
                <a:cubicBezTo>
                  <a:pt x="2863475" y="1390397"/>
                  <a:pt x="2844655" y="1392894"/>
                  <a:pt x="2825837" y="1395198"/>
                </a:cubicBezTo>
                <a:cubicBezTo>
                  <a:pt x="2817964" y="1396062"/>
                  <a:pt x="2809706" y="1398462"/>
                  <a:pt x="2802313" y="1397023"/>
                </a:cubicBezTo>
                <a:cubicBezTo>
                  <a:pt x="2783686" y="1393373"/>
                  <a:pt x="2765347" y="1394430"/>
                  <a:pt x="2746816" y="1396926"/>
                </a:cubicBezTo>
                <a:cubicBezTo>
                  <a:pt x="2740479" y="1397791"/>
                  <a:pt x="2733662" y="1397598"/>
                  <a:pt x="2727517" y="1395966"/>
                </a:cubicBezTo>
                <a:cubicBezTo>
                  <a:pt x="2714939" y="1392701"/>
                  <a:pt x="2702745" y="1388092"/>
                  <a:pt x="2690359" y="1384060"/>
                </a:cubicBezTo>
                <a:cubicBezTo>
                  <a:pt x="2689014" y="1383580"/>
                  <a:pt x="2687382" y="1383484"/>
                  <a:pt x="2685943" y="1383196"/>
                </a:cubicBezTo>
                <a:cubicBezTo>
                  <a:pt x="2677781" y="1381563"/>
                  <a:pt x="2669717" y="1379931"/>
                  <a:pt x="2661554" y="1378491"/>
                </a:cubicBezTo>
                <a:cubicBezTo>
                  <a:pt x="2657138" y="1377723"/>
                  <a:pt x="2652625" y="1377627"/>
                  <a:pt x="2648208" y="1376955"/>
                </a:cubicBezTo>
                <a:cubicBezTo>
                  <a:pt x="2631118" y="1374266"/>
                  <a:pt x="2612299" y="1378779"/>
                  <a:pt x="2597512" y="1367162"/>
                </a:cubicBezTo>
                <a:cubicBezTo>
                  <a:pt x="2587911" y="1359672"/>
                  <a:pt x="2578597" y="1361401"/>
                  <a:pt x="2568324" y="1362553"/>
                </a:cubicBezTo>
                <a:cubicBezTo>
                  <a:pt x="2560547" y="1363417"/>
                  <a:pt x="2552577" y="1363128"/>
                  <a:pt x="2544704" y="1363225"/>
                </a:cubicBezTo>
                <a:cubicBezTo>
                  <a:pt x="2530878" y="1363512"/>
                  <a:pt x="2517052" y="1363609"/>
                  <a:pt x="2503225" y="1364089"/>
                </a:cubicBezTo>
                <a:cubicBezTo>
                  <a:pt x="2498808" y="1364281"/>
                  <a:pt x="2494297" y="1366682"/>
                  <a:pt x="2489975" y="1366298"/>
                </a:cubicBezTo>
                <a:cubicBezTo>
                  <a:pt x="2470004" y="1364473"/>
                  <a:pt x="2450033" y="1361592"/>
                  <a:pt x="2430061" y="1359960"/>
                </a:cubicBezTo>
                <a:cubicBezTo>
                  <a:pt x="2418732" y="1359001"/>
                  <a:pt x="2407114" y="1360824"/>
                  <a:pt x="2395880" y="1359480"/>
                </a:cubicBezTo>
                <a:cubicBezTo>
                  <a:pt x="2382919" y="1357944"/>
                  <a:pt x="2370245" y="1354008"/>
                  <a:pt x="2357378" y="1351607"/>
                </a:cubicBezTo>
                <a:cubicBezTo>
                  <a:pt x="2353826" y="1350935"/>
                  <a:pt x="2349889" y="1351799"/>
                  <a:pt x="2346145" y="1351991"/>
                </a:cubicBezTo>
                <a:cubicBezTo>
                  <a:pt x="2341920" y="1352183"/>
                  <a:pt x="2337791" y="1352567"/>
                  <a:pt x="2333567" y="1352663"/>
                </a:cubicBezTo>
                <a:cubicBezTo>
                  <a:pt x="2320700" y="1352856"/>
                  <a:pt x="2307835" y="1352567"/>
                  <a:pt x="2294968" y="1353240"/>
                </a:cubicBezTo>
                <a:cubicBezTo>
                  <a:pt x="2287095" y="1353624"/>
                  <a:pt x="2278839" y="1357560"/>
                  <a:pt x="2271540" y="1356120"/>
                </a:cubicBezTo>
                <a:cubicBezTo>
                  <a:pt x="2256659" y="1353335"/>
                  <a:pt x="2241776" y="1359576"/>
                  <a:pt x="2226895" y="1354392"/>
                </a:cubicBezTo>
                <a:cubicBezTo>
                  <a:pt x="2222285" y="1352856"/>
                  <a:pt x="2215948" y="1356696"/>
                  <a:pt x="2210379" y="1356888"/>
                </a:cubicBezTo>
                <a:cubicBezTo>
                  <a:pt x="2196457" y="1357368"/>
                  <a:pt x="2182535" y="1357272"/>
                  <a:pt x="2168613" y="1357176"/>
                </a:cubicBezTo>
                <a:cubicBezTo>
                  <a:pt x="2156131" y="1357080"/>
                  <a:pt x="2143168" y="1358424"/>
                  <a:pt x="2131167" y="1355736"/>
                </a:cubicBezTo>
                <a:cubicBezTo>
                  <a:pt x="2118588" y="1352856"/>
                  <a:pt x="2107259" y="1353240"/>
                  <a:pt x="2095065" y="1356504"/>
                </a:cubicBezTo>
                <a:cubicBezTo>
                  <a:pt x="2086711" y="1358712"/>
                  <a:pt x="2077878" y="1359001"/>
                  <a:pt x="2069237" y="1359672"/>
                </a:cubicBezTo>
                <a:cubicBezTo>
                  <a:pt x="2059924" y="1360440"/>
                  <a:pt x="2049650" y="1358424"/>
                  <a:pt x="2041201" y="1361592"/>
                </a:cubicBezTo>
                <a:cubicBezTo>
                  <a:pt x="2016044" y="1371002"/>
                  <a:pt x="1990216" y="1373018"/>
                  <a:pt x="1963909" y="1373018"/>
                </a:cubicBezTo>
                <a:cubicBezTo>
                  <a:pt x="1959107" y="1373018"/>
                  <a:pt x="1954210" y="1371675"/>
                  <a:pt x="1949603" y="1370234"/>
                </a:cubicBezTo>
                <a:cubicBezTo>
                  <a:pt x="1922717" y="1361592"/>
                  <a:pt x="1895737" y="1362360"/>
                  <a:pt x="1868373" y="1367641"/>
                </a:cubicBezTo>
                <a:cubicBezTo>
                  <a:pt x="1862708" y="1368794"/>
                  <a:pt x="1856372" y="1368986"/>
                  <a:pt x="1850707" y="1367834"/>
                </a:cubicBezTo>
                <a:cubicBezTo>
                  <a:pt x="1834768" y="1364473"/>
                  <a:pt x="1819309" y="1358904"/>
                  <a:pt x="1803275" y="1356504"/>
                </a:cubicBezTo>
                <a:cubicBezTo>
                  <a:pt x="1776775" y="1352567"/>
                  <a:pt x="1753828" y="1365817"/>
                  <a:pt x="1730112" y="1374459"/>
                </a:cubicBezTo>
                <a:cubicBezTo>
                  <a:pt x="1707548" y="1382620"/>
                  <a:pt x="1688345" y="1401055"/>
                  <a:pt x="1661652" y="1396926"/>
                </a:cubicBezTo>
                <a:cubicBezTo>
                  <a:pt x="1658965" y="1396542"/>
                  <a:pt x="1655988" y="1399134"/>
                  <a:pt x="1653011" y="1399807"/>
                </a:cubicBezTo>
                <a:cubicBezTo>
                  <a:pt x="1644850" y="1401631"/>
                  <a:pt x="1636689" y="1403839"/>
                  <a:pt x="1628431" y="1404704"/>
                </a:cubicBezTo>
                <a:cubicBezTo>
                  <a:pt x="1618350" y="1405856"/>
                  <a:pt x="1608076" y="1405472"/>
                  <a:pt x="1597995" y="1406432"/>
                </a:cubicBezTo>
                <a:cubicBezTo>
                  <a:pt x="1585032" y="1407584"/>
                  <a:pt x="1572263" y="1410656"/>
                  <a:pt x="1559396" y="1410656"/>
                </a:cubicBezTo>
                <a:cubicBezTo>
                  <a:pt x="1549026" y="1410656"/>
                  <a:pt x="1538753" y="1407104"/>
                  <a:pt x="1528480" y="1405375"/>
                </a:cubicBezTo>
                <a:cubicBezTo>
                  <a:pt x="1513981" y="1402975"/>
                  <a:pt x="1498042" y="1403647"/>
                  <a:pt x="1485272" y="1397502"/>
                </a:cubicBezTo>
                <a:cubicBezTo>
                  <a:pt x="1471639" y="1390973"/>
                  <a:pt x="1458676" y="1387997"/>
                  <a:pt x="1444562" y="1390013"/>
                </a:cubicBezTo>
                <a:cubicBezTo>
                  <a:pt x="1439857" y="1390685"/>
                  <a:pt x="1433808" y="1394718"/>
                  <a:pt x="1431696" y="1398846"/>
                </a:cubicBezTo>
                <a:cubicBezTo>
                  <a:pt x="1426991" y="1408064"/>
                  <a:pt x="1420559" y="1409697"/>
                  <a:pt x="1411821" y="1406527"/>
                </a:cubicBezTo>
                <a:cubicBezTo>
                  <a:pt x="1404236" y="1403839"/>
                  <a:pt x="1394922" y="1402495"/>
                  <a:pt x="1389738" y="1397310"/>
                </a:cubicBezTo>
                <a:cubicBezTo>
                  <a:pt x="1375047" y="1382620"/>
                  <a:pt x="1356324" y="1382140"/>
                  <a:pt x="1338081" y="1378204"/>
                </a:cubicBezTo>
                <a:cubicBezTo>
                  <a:pt x="1326945" y="1375802"/>
                  <a:pt x="1316574" y="1375707"/>
                  <a:pt x="1305436" y="1377339"/>
                </a:cubicBezTo>
                <a:cubicBezTo>
                  <a:pt x="1281241" y="1380988"/>
                  <a:pt x="1257717" y="1375802"/>
                  <a:pt x="1234481" y="1369178"/>
                </a:cubicBezTo>
                <a:cubicBezTo>
                  <a:pt x="1219118" y="1364761"/>
                  <a:pt x="1203372" y="1362073"/>
                  <a:pt x="1188106" y="1357560"/>
                </a:cubicBezTo>
                <a:cubicBezTo>
                  <a:pt x="1176680" y="1354104"/>
                  <a:pt x="1165255" y="1349975"/>
                  <a:pt x="1154790" y="1344406"/>
                </a:cubicBezTo>
                <a:cubicBezTo>
                  <a:pt x="1139618" y="1336244"/>
                  <a:pt x="1126369" y="1323954"/>
                  <a:pt x="1107069" y="1327219"/>
                </a:cubicBezTo>
                <a:cubicBezTo>
                  <a:pt x="1090074" y="1330099"/>
                  <a:pt x="1074713" y="1324051"/>
                  <a:pt x="1059158" y="1318290"/>
                </a:cubicBezTo>
                <a:cubicBezTo>
                  <a:pt x="1047732" y="1314065"/>
                  <a:pt x="1036308" y="1309744"/>
                  <a:pt x="1024496" y="1307056"/>
                </a:cubicBezTo>
                <a:cubicBezTo>
                  <a:pt x="1010478" y="1303887"/>
                  <a:pt x="994635" y="1305232"/>
                  <a:pt x="982153" y="1299374"/>
                </a:cubicBezTo>
                <a:cubicBezTo>
                  <a:pt x="969095" y="1293229"/>
                  <a:pt x="958246" y="1297358"/>
                  <a:pt x="946628" y="1299087"/>
                </a:cubicBezTo>
                <a:cubicBezTo>
                  <a:pt x="928097" y="1301775"/>
                  <a:pt x="909661" y="1306768"/>
                  <a:pt x="890939" y="1300431"/>
                </a:cubicBezTo>
                <a:cubicBezTo>
                  <a:pt x="868184" y="1292750"/>
                  <a:pt x="845620" y="1284493"/>
                  <a:pt x="822769" y="1277196"/>
                </a:cubicBezTo>
                <a:cubicBezTo>
                  <a:pt x="813934" y="1274410"/>
                  <a:pt x="804431" y="1273258"/>
                  <a:pt x="795212" y="1272010"/>
                </a:cubicBezTo>
                <a:cubicBezTo>
                  <a:pt x="786476" y="1270954"/>
                  <a:pt x="776010" y="1273642"/>
                  <a:pt x="769288" y="1269610"/>
                </a:cubicBezTo>
                <a:cubicBezTo>
                  <a:pt x="752005" y="1259241"/>
                  <a:pt x="734243" y="1254152"/>
                  <a:pt x="714271" y="1254152"/>
                </a:cubicBezTo>
                <a:cubicBezTo>
                  <a:pt x="706781" y="1254152"/>
                  <a:pt x="699484" y="1249831"/>
                  <a:pt x="691900" y="1249062"/>
                </a:cubicBezTo>
                <a:cubicBezTo>
                  <a:pt x="681529" y="1248103"/>
                  <a:pt x="669623" y="1245510"/>
                  <a:pt x="660598" y="1249159"/>
                </a:cubicBezTo>
                <a:cubicBezTo>
                  <a:pt x="639379" y="1257800"/>
                  <a:pt x="622193" y="1250599"/>
                  <a:pt x="603662" y="1242054"/>
                </a:cubicBezTo>
                <a:cubicBezTo>
                  <a:pt x="585418" y="1233604"/>
                  <a:pt x="566215" y="1226884"/>
                  <a:pt x="546821" y="1221314"/>
                </a:cubicBezTo>
                <a:cubicBezTo>
                  <a:pt x="539524" y="1219298"/>
                  <a:pt x="530787" y="1222659"/>
                  <a:pt x="522721" y="1223330"/>
                </a:cubicBezTo>
                <a:cubicBezTo>
                  <a:pt x="519840" y="1223523"/>
                  <a:pt x="516671" y="1223811"/>
                  <a:pt x="514080" y="1222851"/>
                </a:cubicBezTo>
                <a:cubicBezTo>
                  <a:pt x="489020" y="1213633"/>
                  <a:pt x="463575" y="1206624"/>
                  <a:pt x="436404" y="1211424"/>
                </a:cubicBezTo>
                <a:cubicBezTo>
                  <a:pt x="433908" y="1211905"/>
                  <a:pt x="431123" y="1210849"/>
                  <a:pt x="428626" y="1210177"/>
                </a:cubicBezTo>
                <a:cubicBezTo>
                  <a:pt x="416432" y="1206720"/>
                  <a:pt x="404526" y="1201247"/>
                  <a:pt x="392141" y="1199999"/>
                </a:cubicBezTo>
                <a:cubicBezTo>
                  <a:pt x="361608" y="1196927"/>
                  <a:pt x="330884" y="1195678"/>
                  <a:pt x="300157" y="1193662"/>
                </a:cubicBezTo>
                <a:cubicBezTo>
                  <a:pt x="298237" y="1193566"/>
                  <a:pt x="296221" y="1193566"/>
                  <a:pt x="294493" y="1192894"/>
                </a:cubicBezTo>
                <a:cubicBezTo>
                  <a:pt x="283163" y="1188765"/>
                  <a:pt x="273274" y="1190110"/>
                  <a:pt x="263671" y="1197982"/>
                </a:cubicBezTo>
                <a:cubicBezTo>
                  <a:pt x="259447" y="1201439"/>
                  <a:pt x="253686" y="1203263"/>
                  <a:pt x="248406" y="1205184"/>
                </a:cubicBezTo>
                <a:cubicBezTo>
                  <a:pt x="240628" y="1208065"/>
                  <a:pt x="232659" y="1210849"/>
                  <a:pt x="224594" y="1212673"/>
                </a:cubicBezTo>
                <a:cubicBezTo>
                  <a:pt x="216624" y="1214401"/>
                  <a:pt x="208079" y="1216801"/>
                  <a:pt x="200398" y="1215458"/>
                </a:cubicBezTo>
                <a:cubicBezTo>
                  <a:pt x="186572" y="1213057"/>
                  <a:pt x="173417" y="1207681"/>
                  <a:pt x="159783" y="1204127"/>
                </a:cubicBezTo>
                <a:cubicBezTo>
                  <a:pt x="155079" y="1202879"/>
                  <a:pt x="149893" y="1203072"/>
                  <a:pt x="144997" y="1202975"/>
                </a:cubicBezTo>
                <a:cubicBezTo>
                  <a:pt x="133763" y="1202688"/>
                  <a:pt x="122241" y="1205472"/>
                  <a:pt x="112064" y="1197503"/>
                </a:cubicBezTo>
                <a:cubicBezTo>
                  <a:pt x="102655" y="1190014"/>
                  <a:pt x="93148" y="1192221"/>
                  <a:pt x="83259" y="1197887"/>
                </a:cubicBezTo>
                <a:cubicBezTo>
                  <a:pt x="76154" y="1201920"/>
                  <a:pt x="68090" y="1205088"/>
                  <a:pt x="60120" y="1206624"/>
                </a:cubicBezTo>
                <a:cubicBezTo>
                  <a:pt x="49174" y="1208736"/>
                  <a:pt x="38324" y="1209601"/>
                  <a:pt x="26514" y="1208352"/>
                </a:cubicBezTo>
                <a:cubicBezTo>
                  <a:pt x="18161" y="1207488"/>
                  <a:pt x="11343" y="1207104"/>
                  <a:pt x="4814" y="1202015"/>
                </a:cubicBezTo>
                <a:cubicBezTo>
                  <a:pt x="3759" y="1201247"/>
                  <a:pt x="1839" y="1201055"/>
                  <a:pt x="398" y="1201152"/>
                </a:cubicBezTo>
                <a:lnTo>
                  <a:pt x="0" y="1201150"/>
                </a:lnTo>
                <a:lnTo>
                  <a:pt x="0" y="1004512"/>
                </a:lnTo>
                <a:lnTo>
                  <a:pt x="30355" y="1002784"/>
                </a:lnTo>
                <a:cubicBezTo>
                  <a:pt x="37748" y="1002111"/>
                  <a:pt x="44853" y="999520"/>
                  <a:pt x="52151" y="997695"/>
                </a:cubicBezTo>
                <a:cubicBezTo>
                  <a:pt x="56183" y="996639"/>
                  <a:pt x="60504" y="993855"/>
                  <a:pt x="64248" y="994430"/>
                </a:cubicBezTo>
                <a:cubicBezTo>
                  <a:pt x="85948" y="997791"/>
                  <a:pt x="105823" y="989534"/>
                  <a:pt x="126370" y="985405"/>
                </a:cubicBezTo>
                <a:cubicBezTo>
                  <a:pt x="135876" y="983485"/>
                  <a:pt x="144805" y="978876"/>
                  <a:pt x="154022" y="975708"/>
                </a:cubicBezTo>
                <a:cubicBezTo>
                  <a:pt x="156423" y="974843"/>
                  <a:pt x="159111" y="974075"/>
                  <a:pt x="161512" y="974268"/>
                </a:cubicBezTo>
                <a:cubicBezTo>
                  <a:pt x="175242" y="975420"/>
                  <a:pt x="188876" y="977052"/>
                  <a:pt x="202510" y="978300"/>
                </a:cubicBezTo>
                <a:cubicBezTo>
                  <a:pt x="214896" y="979452"/>
                  <a:pt x="227378" y="979836"/>
                  <a:pt x="233235" y="993950"/>
                </a:cubicBezTo>
                <a:cubicBezTo>
                  <a:pt x="234100" y="996159"/>
                  <a:pt x="236979" y="997791"/>
                  <a:pt x="239188" y="999231"/>
                </a:cubicBezTo>
                <a:cubicBezTo>
                  <a:pt x="273274" y="1021411"/>
                  <a:pt x="291516" y="1020835"/>
                  <a:pt x="324834" y="997407"/>
                </a:cubicBezTo>
                <a:cubicBezTo>
                  <a:pt x="328290" y="995007"/>
                  <a:pt x="335683" y="993278"/>
                  <a:pt x="337987" y="995198"/>
                </a:cubicBezTo>
                <a:cubicBezTo>
                  <a:pt x="357575" y="1011137"/>
                  <a:pt x="378986" y="1009409"/>
                  <a:pt x="401550" y="1004416"/>
                </a:cubicBezTo>
                <a:cubicBezTo>
                  <a:pt x="407407" y="1003072"/>
                  <a:pt x="415664" y="1003072"/>
                  <a:pt x="420081" y="1006240"/>
                </a:cubicBezTo>
                <a:cubicBezTo>
                  <a:pt x="441108" y="1020930"/>
                  <a:pt x="463672" y="1018819"/>
                  <a:pt x="486523" y="1014498"/>
                </a:cubicBezTo>
                <a:cubicBezTo>
                  <a:pt x="490075" y="1013826"/>
                  <a:pt x="494397" y="1010177"/>
                  <a:pt x="495932" y="1006817"/>
                </a:cubicBezTo>
                <a:cubicBezTo>
                  <a:pt x="501406" y="994911"/>
                  <a:pt x="511680" y="990878"/>
                  <a:pt x="523009" y="987517"/>
                </a:cubicBezTo>
                <a:cubicBezTo>
                  <a:pt x="540868" y="982044"/>
                  <a:pt x="558438" y="975611"/>
                  <a:pt x="576393" y="970427"/>
                </a:cubicBezTo>
                <a:cubicBezTo>
                  <a:pt x="580811" y="969179"/>
                  <a:pt x="586283" y="969947"/>
                  <a:pt x="590892" y="971387"/>
                </a:cubicBezTo>
                <a:cubicBezTo>
                  <a:pt x="606638" y="976284"/>
                  <a:pt x="616624" y="988574"/>
                  <a:pt x="627569" y="999904"/>
                </a:cubicBezTo>
                <a:cubicBezTo>
                  <a:pt x="632370" y="1004897"/>
                  <a:pt x="638995" y="1008449"/>
                  <a:pt x="645429" y="1011329"/>
                </a:cubicBezTo>
                <a:cubicBezTo>
                  <a:pt x="662135" y="1018723"/>
                  <a:pt x="679226" y="1025348"/>
                  <a:pt x="696125" y="1032356"/>
                </a:cubicBezTo>
                <a:cubicBezTo>
                  <a:pt x="697757" y="1033029"/>
                  <a:pt x="699100" y="1034757"/>
                  <a:pt x="700349" y="1036197"/>
                </a:cubicBezTo>
                <a:cubicBezTo>
                  <a:pt x="712831" y="1051368"/>
                  <a:pt x="725216" y="1066634"/>
                  <a:pt x="737795" y="1081804"/>
                </a:cubicBezTo>
                <a:cubicBezTo>
                  <a:pt x="740195" y="1084684"/>
                  <a:pt x="743652" y="1086797"/>
                  <a:pt x="746244" y="1089581"/>
                </a:cubicBezTo>
                <a:cubicBezTo>
                  <a:pt x="749893" y="1093422"/>
                  <a:pt x="754502" y="1097071"/>
                  <a:pt x="756422" y="1101680"/>
                </a:cubicBezTo>
                <a:cubicBezTo>
                  <a:pt x="762374" y="1116177"/>
                  <a:pt x="773801" y="1122419"/>
                  <a:pt x="788202" y="1125108"/>
                </a:cubicBezTo>
                <a:cubicBezTo>
                  <a:pt x="801357" y="1127603"/>
                  <a:pt x="814511" y="1129716"/>
                  <a:pt x="827569" y="1132596"/>
                </a:cubicBezTo>
                <a:cubicBezTo>
                  <a:pt x="843507" y="1136053"/>
                  <a:pt x="859350" y="1139798"/>
                  <a:pt x="875097" y="1144022"/>
                </a:cubicBezTo>
                <a:cubicBezTo>
                  <a:pt x="881913" y="1145847"/>
                  <a:pt x="889115" y="1147959"/>
                  <a:pt x="894972" y="1151704"/>
                </a:cubicBezTo>
                <a:cubicBezTo>
                  <a:pt x="911390" y="1162073"/>
                  <a:pt x="928961" y="1169082"/>
                  <a:pt x="948260" y="1166298"/>
                </a:cubicBezTo>
                <a:cubicBezTo>
                  <a:pt x="963718" y="1164089"/>
                  <a:pt x="976680" y="1169754"/>
                  <a:pt x="986282" y="1178588"/>
                </a:cubicBezTo>
                <a:cubicBezTo>
                  <a:pt x="1003757" y="1194623"/>
                  <a:pt x="1022479" y="1190973"/>
                  <a:pt x="1041107" y="1185789"/>
                </a:cubicBezTo>
                <a:cubicBezTo>
                  <a:pt x="1050708" y="1183101"/>
                  <a:pt x="1058581" y="1183485"/>
                  <a:pt x="1067703" y="1186076"/>
                </a:cubicBezTo>
                <a:cubicBezTo>
                  <a:pt x="1088826" y="1192126"/>
                  <a:pt x="1102941" y="1208544"/>
                  <a:pt x="1116574" y="1222946"/>
                </a:cubicBezTo>
                <a:cubicBezTo>
                  <a:pt x="1128193" y="1235236"/>
                  <a:pt x="1141251" y="1242149"/>
                  <a:pt x="1155557" y="1247335"/>
                </a:cubicBezTo>
                <a:cubicBezTo>
                  <a:pt x="1173608" y="1253959"/>
                  <a:pt x="1187914" y="1251464"/>
                  <a:pt x="1196556" y="1235525"/>
                </a:cubicBezTo>
                <a:cubicBezTo>
                  <a:pt x="1198956" y="1231012"/>
                  <a:pt x="1203180" y="1225730"/>
                  <a:pt x="1207693" y="1224387"/>
                </a:cubicBezTo>
                <a:cubicBezTo>
                  <a:pt x="1229488" y="1217666"/>
                  <a:pt x="1251572" y="1207872"/>
                  <a:pt x="1274904" y="1213826"/>
                </a:cubicBezTo>
                <a:cubicBezTo>
                  <a:pt x="1307165" y="1221987"/>
                  <a:pt x="1338658" y="1221507"/>
                  <a:pt x="1370919" y="1213442"/>
                </a:cubicBezTo>
                <a:cubicBezTo>
                  <a:pt x="1423247" y="1200383"/>
                  <a:pt x="1475575" y="1186557"/>
                  <a:pt x="1530593" y="1189437"/>
                </a:cubicBezTo>
                <a:cubicBezTo>
                  <a:pt x="1539713" y="1189917"/>
                  <a:pt x="1550563" y="1184060"/>
                  <a:pt x="1558436" y="1178299"/>
                </a:cubicBezTo>
                <a:cubicBezTo>
                  <a:pt x="1573511" y="1167354"/>
                  <a:pt x="1572838" y="1166489"/>
                  <a:pt x="1589737" y="1175515"/>
                </a:cubicBezTo>
                <a:cubicBezTo>
                  <a:pt x="1593770" y="1177724"/>
                  <a:pt x="1598763" y="1179068"/>
                  <a:pt x="1601740" y="1182333"/>
                </a:cubicBezTo>
                <a:cubicBezTo>
                  <a:pt x="1616909" y="1198943"/>
                  <a:pt x="1635633" y="1194910"/>
                  <a:pt x="1654259" y="1192510"/>
                </a:cubicBezTo>
                <a:cubicBezTo>
                  <a:pt x="1657524" y="1192030"/>
                  <a:pt x="1661460" y="1191358"/>
                  <a:pt x="1664246" y="1192702"/>
                </a:cubicBezTo>
                <a:cubicBezTo>
                  <a:pt x="1676823" y="1198750"/>
                  <a:pt x="1687481" y="1196639"/>
                  <a:pt x="1698427" y="1188381"/>
                </a:cubicBezTo>
                <a:cubicBezTo>
                  <a:pt x="1707932" y="1181276"/>
                  <a:pt x="1718878" y="1177052"/>
                  <a:pt x="1730112" y="1185885"/>
                </a:cubicBezTo>
                <a:cubicBezTo>
                  <a:pt x="1755076" y="1205472"/>
                  <a:pt x="1781767" y="1206432"/>
                  <a:pt x="1809996" y="1194046"/>
                </a:cubicBezTo>
                <a:cubicBezTo>
                  <a:pt x="1830159" y="1185213"/>
                  <a:pt x="1850034" y="1183196"/>
                  <a:pt x="1871254" y="1192126"/>
                </a:cubicBezTo>
                <a:cubicBezTo>
                  <a:pt x="1879415" y="1195582"/>
                  <a:pt x="1889977" y="1193278"/>
                  <a:pt x="1899482" y="1194046"/>
                </a:cubicBezTo>
                <a:cubicBezTo>
                  <a:pt x="1904859" y="1194430"/>
                  <a:pt x="1910813" y="1194526"/>
                  <a:pt x="1915420" y="1196927"/>
                </a:cubicBezTo>
                <a:cubicBezTo>
                  <a:pt x="1927711" y="1203072"/>
                  <a:pt x="1939136" y="1210945"/>
                  <a:pt x="1951522" y="1216994"/>
                </a:cubicBezTo>
                <a:cubicBezTo>
                  <a:pt x="1957475" y="1219874"/>
                  <a:pt x="1964580" y="1221410"/>
                  <a:pt x="1971302" y="1221507"/>
                </a:cubicBezTo>
                <a:cubicBezTo>
                  <a:pt x="1991177" y="1221987"/>
                  <a:pt x="2011052" y="1221987"/>
                  <a:pt x="2030831" y="1221123"/>
                </a:cubicBezTo>
                <a:cubicBezTo>
                  <a:pt x="2063476" y="1219778"/>
                  <a:pt x="2096601" y="1219490"/>
                  <a:pt x="2120125" y="1190878"/>
                </a:cubicBezTo>
                <a:cubicBezTo>
                  <a:pt x="2122046" y="1188573"/>
                  <a:pt x="2126174" y="1187229"/>
                  <a:pt x="2129439" y="1186845"/>
                </a:cubicBezTo>
                <a:cubicBezTo>
                  <a:pt x="2144513" y="1185021"/>
                  <a:pt x="2159971" y="1184828"/>
                  <a:pt x="2174854" y="1181852"/>
                </a:cubicBezTo>
                <a:cubicBezTo>
                  <a:pt x="2186760" y="1179452"/>
                  <a:pt x="2196650" y="1180220"/>
                  <a:pt x="2205674" y="1188669"/>
                </a:cubicBezTo>
                <a:cubicBezTo>
                  <a:pt x="2217485" y="1199807"/>
                  <a:pt x="2231887" y="1206336"/>
                  <a:pt x="2247634" y="1202784"/>
                </a:cubicBezTo>
                <a:cubicBezTo>
                  <a:pt x="2263379" y="1199327"/>
                  <a:pt x="2273749" y="1206816"/>
                  <a:pt x="2285367" y="1214594"/>
                </a:cubicBezTo>
                <a:cubicBezTo>
                  <a:pt x="2293817" y="1220258"/>
                  <a:pt x="2303418" y="1227363"/>
                  <a:pt x="2312827" y="1227939"/>
                </a:cubicBezTo>
                <a:cubicBezTo>
                  <a:pt x="2334143" y="1229187"/>
                  <a:pt x="2352482" y="1248967"/>
                  <a:pt x="2375622" y="1237733"/>
                </a:cubicBezTo>
                <a:cubicBezTo>
                  <a:pt x="2377158" y="1236965"/>
                  <a:pt x="2379942" y="1238885"/>
                  <a:pt x="2382151" y="1239365"/>
                </a:cubicBezTo>
                <a:cubicBezTo>
                  <a:pt x="2399817" y="1243014"/>
                  <a:pt x="2416428" y="1239461"/>
                  <a:pt x="2429390" y="1227459"/>
                </a:cubicBezTo>
                <a:cubicBezTo>
                  <a:pt x="2446385" y="1211809"/>
                  <a:pt x="2465203" y="1210272"/>
                  <a:pt x="2486134" y="1215362"/>
                </a:cubicBezTo>
                <a:cubicBezTo>
                  <a:pt x="2492856" y="1216994"/>
                  <a:pt x="2499577" y="1218146"/>
                  <a:pt x="2506394" y="1219490"/>
                </a:cubicBezTo>
                <a:cubicBezTo>
                  <a:pt x="2515611" y="1221410"/>
                  <a:pt x="2524925" y="1223427"/>
                  <a:pt x="2534142" y="1225347"/>
                </a:cubicBezTo>
                <a:cubicBezTo>
                  <a:pt x="2543072" y="1227268"/>
                  <a:pt x="2552962" y="1230532"/>
                  <a:pt x="2559874" y="1222275"/>
                </a:cubicBezTo>
                <a:cubicBezTo>
                  <a:pt x="2565827" y="1215169"/>
                  <a:pt x="2570052" y="1215842"/>
                  <a:pt x="2575525" y="1221987"/>
                </a:cubicBezTo>
                <a:cubicBezTo>
                  <a:pt x="2594536" y="1243494"/>
                  <a:pt x="2617580" y="1256936"/>
                  <a:pt x="2646960" y="1257896"/>
                </a:cubicBezTo>
                <a:cubicBezTo>
                  <a:pt x="2653009" y="1258088"/>
                  <a:pt x="2659154" y="1259432"/>
                  <a:pt x="2665107" y="1260873"/>
                </a:cubicBezTo>
                <a:cubicBezTo>
                  <a:pt x="2668756" y="1261736"/>
                  <a:pt x="2673173" y="1262697"/>
                  <a:pt x="2675381" y="1265290"/>
                </a:cubicBezTo>
                <a:cubicBezTo>
                  <a:pt x="2692567" y="1285068"/>
                  <a:pt x="2713979" y="1298799"/>
                  <a:pt x="2737311" y="1309841"/>
                </a:cubicBezTo>
                <a:cubicBezTo>
                  <a:pt x="2745664" y="1313777"/>
                  <a:pt x="2754594" y="1317713"/>
                  <a:pt x="2763619" y="1318866"/>
                </a:cubicBezTo>
                <a:cubicBezTo>
                  <a:pt x="2773028" y="1320018"/>
                  <a:pt x="2782917" y="1318098"/>
                  <a:pt x="2792519" y="1317041"/>
                </a:cubicBezTo>
                <a:cubicBezTo>
                  <a:pt x="2798184" y="1316466"/>
                  <a:pt x="2804713" y="1316561"/>
                  <a:pt x="2809226" y="1313777"/>
                </a:cubicBezTo>
                <a:cubicBezTo>
                  <a:pt x="2823532" y="1305039"/>
                  <a:pt x="2837358" y="1295631"/>
                  <a:pt x="2850705" y="1285452"/>
                </a:cubicBezTo>
                <a:cubicBezTo>
                  <a:pt x="2862131" y="1276715"/>
                  <a:pt x="2864435" y="1275467"/>
                  <a:pt x="2874324" y="1286413"/>
                </a:cubicBezTo>
                <a:cubicBezTo>
                  <a:pt x="2884502" y="1297647"/>
                  <a:pt x="2897176" y="1303503"/>
                  <a:pt x="2911194" y="1305903"/>
                </a:cubicBezTo>
                <a:cubicBezTo>
                  <a:pt x="2933373" y="1309648"/>
                  <a:pt x="2955745" y="1312816"/>
                  <a:pt x="2978116" y="1314641"/>
                </a:cubicBezTo>
                <a:cubicBezTo>
                  <a:pt x="2998375" y="1316273"/>
                  <a:pt x="3008073" y="1307440"/>
                  <a:pt x="3012106" y="1287373"/>
                </a:cubicBezTo>
                <a:cubicBezTo>
                  <a:pt x="3014410" y="1276235"/>
                  <a:pt x="3017387" y="1264137"/>
                  <a:pt x="3029676" y="1261161"/>
                </a:cubicBezTo>
                <a:cubicBezTo>
                  <a:pt x="3049744" y="1256360"/>
                  <a:pt x="3070579" y="1254248"/>
                  <a:pt x="3080469" y="1230724"/>
                </a:cubicBezTo>
                <a:cubicBezTo>
                  <a:pt x="3085941" y="1235909"/>
                  <a:pt x="3089302" y="1238981"/>
                  <a:pt x="3092567" y="1242054"/>
                </a:cubicBezTo>
                <a:cubicBezTo>
                  <a:pt x="3101592" y="1250599"/>
                  <a:pt x="3120314" y="1254248"/>
                  <a:pt x="3129821" y="1246855"/>
                </a:cubicBezTo>
                <a:cubicBezTo>
                  <a:pt x="3143839" y="1236101"/>
                  <a:pt x="3156705" y="1238117"/>
                  <a:pt x="3170147" y="1246471"/>
                </a:cubicBezTo>
                <a:cubicBezTo>
                  <a:pt x="3192615" y="1260297"/>
                  <a:pt x="3217674" y="1257128"/>
                  <a:pt x="3240429" y="1251559"/>
                </a:cubicBezTo>
                <a:cubicBezTo>
                  <a:pt x="3257617" y="1247430"/>
                  <a:pt x="3275956" y="1239845"/>
                  <a:pt x="3287189" y="1222466"/>
                </a:cubicBezTo>
                <a:cubicBezTo>
                  <a:pt x="3290741" y="1216898"/>
                  <a:pt x="3298711" y="1214113"/>
                  <a:pt x="3305049" y="1210465"/>
                </a:cubicBezTo>
                <a:cubicBezTo>
                  <a:pt x="3310329" y="1207488"/>
                  <a:pt x="3315898" y="1204704"/>
                  <a:pt x="3321755" y="1202784"/>
                </a:cubicBezTo>
                <a:cubicBezTo>
                  <a:pt x="3327995" y="1200671"/>
                  <a:pt x="3334909" y="1197598"/>
                  <a:pt x="3341055" y="1198463"/>
                </a:cubicBezTo>
                <a:cubicBezTo>
                  <a:pt x="3359681" y="1200959"/>
                  <a:pt x="3374467" y="1196062"/>
                  <a:pt x="3387621" y="1182140"/>
                </a:cubicBezTo>
                <a:cubicBezTo>
                  <a:pt x="3394439" y="1174939"/>
                  <a:pt x="3404520" y="1166202"/>
                  <a:pt x="3413161" y="1166105"/>
                </a:cubicBezTo>
                <a:cubicBezTo>
                  <a:pt x="3434189" y="1165818"/>
                  <a:pt x="3451663" y="1158905"/>
                  <a:pt x="3470579" y="1150647"/>
                </a:cubicBezTo>
                <a:cubicBezTo>
                  <a:pt x="3482772" y="1145366"/>
                  <a:pt x="3496598" y="1141718"/>
                  <a:pt x="3509657" y="1136821"/>
                </a:cubicBezTo>
                <a:cubicBezTo>
                  <a:pt x="3524923" y="1131060"/>
                  <a:pt x="3541534" y="1128948"/>
                  <a:pt x="3550847" y="1113009"/>
                </a:cubicBezTo>
                <a:cubicBezTo>
                  <a:pt x="3551903" y="1111281"/>
                  <a:pt x="3555072" y="1110993"/>
                  <a:pt x="3556608" y="1109361"/>
                </a:cubicBezTo>
                <a:cubicBezTo>
                  <a:pt x="3561505" y="1104368"/>
                  <a:pt x="3567842" y="1099760"/>
                  <a:pt x="3570435" y="1093710"/>
                </a:cubicBezTo>
                <a:cubicBezTo>
                  <a:pt x="3577923" y="1076044"/>
                  <a:pt x="3583780" y="1057800"/>
                  <a:pt x="3590501" y="1039846"/>
                </a:cubicBezTo>
                <a:cubicBezTo>
                  <a:pt x="3591942" y="1036005"/>
                  <a:pt x="3593285" y="1031108"/>
                  <a:pt x="3596263" y="1028900"/>
                </a:cubicBezTo>
                <a:cubicBezTo>
                  <a:pt x="3613449" y="1016226"/>
                  <a:pt x="3630925" y="1004032"/>
                  <a:pt x="3648591" y="992030"/>
                </a:cubicBezTo>
                <a:cubicBezTo>
                  <a:pt x="3655696" y="987229"/>
                  <a:pt x="3661649" y="989918"/>
                  <a:pt x="3667986" y="995487"/>
                </a:cubicBezTo>
                <a:cubicBezTo>
                  <a:pt x="3674131" y="1000768"/>
                  <a:pt x="3681717" y="1006240"/>
                  <a:pt x="3689397" y="1007585"/>
                </a:cubicBezTo>
                <a:cubicBezTo>
                  <a:pt x="3704760" y="1010177"/>
                  <a:pt x="3720698" y="1010753"/>
                  <a:pt x="3736349" y="1010753"/>
                </a:cubicBezTo>
                <a:cubicBezTo>
                  <a:pt x="3742205" y="1010753"/>
                  <a:pt x="3748446" y="1007297"/>
                  <a:pt x="3753919" y="1004513"/>
                </a:cubicBezTo>
                <a:cubicBezTo>
                  <a:pt x="3764289" y="999231"/>
                  <a:pt x="3773890" y="992126"/>
                  <a:pt x="3784643" y="987710"/>
                </a:cubicBezTo>
                <a:cubicBezTo>
                  <a:pt x="3797126" y="982621"/>
                  <a:pt x="3804615" y="974459"/>
                  <a:pt x="3808359" y="961689"/>
                </a:cubicBezTo>
                <a:cubicBezTo>
                  <a:pt x="3813929" y="942679"/>
                  <a:pt x="3827179" y="929428"/>
                  <a:pt x="3842829" y="918674"/>
                </a:cubicBezTo>
                <a:cubicBezTo>
                  <a:pt x="3862705" y="904944"/>
                  <a:pt x="3886421" y="905616"/>
                  <a:pt x="3908983" y="902256"/>
                </a:cubicBezTo>
                <a:cubicBezTo>
                  <a:pt x="3917625" y="901008"/>
                  <a:pt x="3926555" y="899951"/>
                  <a:pt x="3934428" y="896783"/>
                </a:cubicBezTo>
                <a:cubicBezTo>
                  <a:pt x="3964288" y="884877"/>
                  <a:pt x="3994149" y="873548"/>
                  <a:pt x="4026987" y="873835"/>
                </a:cubicBezTo>
                <a:cubicBezTo>
                  <a:pt x="4029674" y="873835"/>
                  <a:pt x="4032363" y="873548"/>
                  <a:pt x="4035051" y="873067"/>
                </a:cubicBezTo>
                <a:cubicBezTo>
                  <a:pt x="4058383" y="869131"/>
                  <a:pt x="4082483" y="867594"/>
                  <a:pt x="4099189" y="846664"/>
                </a:cubicBezTo>
                <a:cubicBezTo>
                  <a:pt x="4102261" y="842823"/>
                  <a:pt x="4109271" y="841671"/>
                  <a:pt x="4114647" y="840134"/>
                </a:cubicBezTo>
                <a:cubicBezTo>
                  <a:pt x="4123961" y="837638"/>
                  <a:pt x="4130203" y="832549"/>
                  <a:pt x="4133563" y="823427"/>
                </a:cubicBezTo>
                <a:cubicBezTo>
                  <a:pt x="4139229" y="807681"/>
                  <a:pt x="4145949" y="792223"/>
                  <a:pt x="4151039" y="776284"/>
                </a:cubicBezTo>
                <a:cubicBezTo>
                  <a:pt x="4154591" y="765338"/>
                  <a:pt x="4161215" y="759289"/>
                  <a:pt x="4171489" y="754776"/>
                </a:cubicBezTo>
                <a:cubicBezTo>
                  <a:pt x="4177251" y="752280"/>
                  <a:pt x="4182243" y="746808"/>
                  <a:pt x="4186372" y="741718"/>
                </a:cubicBezTo>
                <a:cubicBezTo>
                  <a:pt x="4191365" y="735573"/>
                  <a:pt x="4193957" y="727412"/>
                  <a:pt x="4199429" y="721940"/>
                </a:cubicBezTo>
                <a:cubicBezTo>
                  <a:pt x="4212775" y="708305"/>
                  <a:pt x="4216905" y="693231"/>
                  <a:pt x="4212487" y="674604"/>
                </a:cubicBezTo>
                <a:cubicBezTo>
                  <a:pt x="4208551" y="658090"/>
                  <a:pt x="4218921" y="636006"/>
                  <a:pt x="4232555" y="632645"/>
                </a:cubicBezTo>
                <a:cubicBezTo>
                  <a:pt x="4247629" y="628900"/>
                  <a:pt x="4257999" y="619684"/>
                  <a:pt x="4268657" y="609410"/>
                </a:cubicBezTo>
                <a:cubicBezTo>
                  <a:pt x="4274609" y="603649"/>
                  <a:pt x="4282963" y="598656"/>
                  <a:pt x="4291028" y="597216"/>
                </a:cubicBezTo>
                <a:cubicBezTo>
                  <a:pt x="4321657" y="591647"/>
                  <a:pt x="4350557" y="598464"/>
                  <a:pt x="4379651" y="609506"/>
                </a:cubicBezTo>
                <a:cubicBezTo>
                  <a:pt x="4398661" y="616707"/>
                  <a:pt x="4419784" y="618627"/>
                  <a:pt x="4440139" y="621507"/>
                </a:cubicBezTo>
                <a:cubicBezTo>
                  <a:pt x="4446477" y="622371"/>
                  <a:pt x="4454542" y="620452"/>
                  <a:pt x="4460015" y="616899"/>
                </a:cubicBezTo>
                <a:cubicBezTo>
                  <a:pt x="4479218" y="604609"/>
                  <a:pt x="4498325" y="591935"/>
                  <a:pt x="4516183" y="577724"/>
                </a:cubicBezTo>
                <a:cubicBezTo>
                  <a:pt x="4532795" y="564379"/>
                  <a:pt x="4551517" y="558810"/>
                  <a:pt x="4571681" y="560250"/>
                </a:cubicBezTo>
                <a:cubicBezTo>
                  <a:pt x="4586371" y="561306"/>
                  <a:pt x="4599621" y="558905"/>
                  <a:pt x="4613447" y="555257"/>
                </a:cubicBezTo>
                <a:cubicBezTo>
                  <a:pt x="4624969" y="552185"/>
                  <a:pt x="4637643" y="550072"/>
                  <a:pt x="4649355" y="551417"/>
                </a:cubicBezTo>
                <a:cubicBezTo>
                  <a:pt x="4665775" y="553337"/>
                  <a:pt x="4679313" y="550553"/>
                  <a:pt x="4692467" y="540663"/>
                </a:cubicBezTo>
                <a:cubicBezTo>
                  <a:pt x="4699476" y="535382"/>
                  <a:pt x="4708502" y="532598"/>
                  <a:pt x="4716855" y="528949"/>
                </a:cubicBezTo>
                <a:cubicBezTo>
                  <a:pt x="4729721" y="523284"/>
                  <a:pt x="4743067" y="518483"/>
                  <a:pt x="4755645" y="512147"/>
                </a:cubicBezTo>
                <a:cubicBezTo>
                  <a:pt x="4769183" y="505425"/>
                  <a:pt x="4781569" y="496112"/>
                  <a:pt x="4795395" y="490351"/>
                </a:cubicBezTo>
                <a:cubicBezTo>
                  <a:pt x="4810278" y="484110"/>
                  <a:pt x="4819879" y="474605"/>
                  <a:pt x="4825928" y="459818"/>
                </a:cubicBezTo>
                <a:cubicBezTo>
                  <a:pt x="4829769" y="450504"/>
                  <a:pt x="4835049" y="440615"/>
                  <a:pt x="4842347" y="434086"/>
                </a:cubicBezTo>
                <a:cubicBezTo>
                  <a:pt x="4857422" y="420740"/>
                  <a:pt x="4875087" y="410370"/>
                  <a:pt x="4890451" y="397216"/>
                </a:cubicBezTo>
                <a:cubicBezTo>
                  <a:pt x="4912054" y="378781"/>
                  <a:pt x="4932025" y="359194"/>
                  <a:pt x="4933945" y="327701"/>
                </a:cubicBezTo>
                <a:cubicBezTo>
                  <a:pt x="4935001" y="310322"/>
                  <a:pt x="4944219" y="302929"/>
                  <a:pt x="4961214" y="298801"/>
                </a:cubicBezTo>
                <a:cubicBezTo>
                  <a:pt x="4966878" y="297457"/>
                  <a:pt x="4974945" y="294864"/>
                  <a:pt x="4976672" y="290639"/>
                </a:cubicBezTo>
                <a:cubicBezTo>
                  <a:pt x="4981857" y="278061"/>
                  <a:pt x="4992610" y="275565"/>
                  <a:pt x="5002979" y="270573"/>
                </a:cubicBezTo>
                <a:cubicBezTo>
                  <a:pt x="5009221" y="267596"/>
                  <a:pt x="5016903" y="261739"/>
                  <a:pt x="5018535" y="255690"/>
                </a:cubicBezTo>
                <a:cubicBezTo>
                  <a:pt x="5025255" y="231206"/>
                  <a:pt x="5043690" y="216804"/>
                  <a:pt x="5061069" y="200961"/>
                </a:cubicBezTo>
                <a:cubicBezTo>
                  <a:pt x="5066158" y="196256"/>
                  <a:pt x="5071631" y="190879"/>
                  <a:pt x="5074127" y="184735"/>
                </a:cubicBezTo>
                <a:cubicBezTo>
                  <a:pt x="5079409" y="171484"/>
                  <a:pt x="5087281" y="161882"/>
                  <a:pt x="5101108" y="156891"/>
                </a:cubicBezTo>
                <a:cubicBezTo>
                  <a:pt x="5105524" y="155354"/>
                  <a:pt x="5109557" y="151801"/>
                  <a:pt x="5112918" y="148441"/>
                </a:cubicBezTo>
                <a:cubicBezTo>
                  <a:pt x="5120119" y="141144"/>
                  <a:pt x="5126167" y="132598"/>
                  <a:pt x="5133753" y="125782"/>
                </a:cubicBezTo>
                <a:cubicBezTo>
                  <a:pt x="5153051" y="108211"/>
                  <a:pt x="5172159" y="90928"/>
                  <a:pt x="5183393" y="66348"/>
                </a:cubicBezTo>
                <a:cubicBezTo>
                  <a:pt x="5188865" y="54346"/>
                  <a:pt x="5195107" y="41288"/>
                  <a:pt x="5204709" y="33030"/>
                </a:cubicBezTo>
                <a:cubicBezTo>
                  <a:pt x="5216903" y="22565"/>
                  <a:pt x="5232937" y="16612"/>
                  <a:pt x="5247243" y="8451"/>
                </a:cubicBezTo>
                <a:close/>
              </a:path>
            </a:pathLst>
          </a:custGeom>
          <a:blipFill dpi="0" rotWithShape="1">
            <a:blip r:embed="rId2">
              <a:alphaModFix amt="57000"/>
            </a:blip>
            <a:srcRect/>
            <a:tile tx="0" ty="0" sx="100000" sy="100000" flip="none" algn="tl"/>
          </a:blip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30C460F-5058-439A-8CC6-A02BAC17486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099175" y="1311088"/>
            <a:ext cx="5276850" cy="4327261"/>
          </a:xfrm>
        </p:spPr>
        <p:txBody>
          <a:bodyPr vert="horz" lIns="91440" tIns="45720" rIns="91440" bIns="45720" rtlCol="0">
            <a:normAutofit lnSpcReduction="10000"/>
          </a:bodyPr>
          <a:lstStyle/>
          <a:p>
            <a:pPr marL="0" indent="0">
              <a:buNone/>
            </a:pP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Fastsæ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mål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forventninger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: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Kommuniker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tydelig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hvilk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mål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der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gensidi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forventningsafkla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involve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f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lærerkollegie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så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der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skabes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ejerskab</a:t>
            </a:r>
            <a:endParaRPr lang="en-US" sz="20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Strategisk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ressourceanvendels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.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lloke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f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de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nødvendig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ressourcer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herunder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så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fx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fagli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ekspertise</a:t>
            </a:r>
            <a:endParaRPr lang="en-US" sz="20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Sik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f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høj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kvalite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i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ndervisningen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.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Deltagels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i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dvikl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f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ndervisn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evalue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,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klasserumsobservationer</a:t>
            </a:r>
            <a:endParaRPr lang="en-US" sz="20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Deltagels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i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ledels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af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ndervisernes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lærin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kompetenceudvikling</a:t>
            </a:r>
            <a:endParaRPr lang="en-US" sz="20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At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sikr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et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velordne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trygt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ndervisnings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-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læringsmiljø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.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Beskytt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ndervisningen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mod </a:t>
            </a:r>
            <a:r>
              <a:rPr lang="en-US" sz="2000" dirty="0" err="1">
                <a:solidFill>
                  <a:schemeClr val="bg1">
                    <a:alpha val="80000"/>
                  </a:schemeClr>
                </a:solidFill>
              </a:rPr>
              <a:t>uhensigtsmæssige</a:t>
            </a:r>
            <a:r>
              <a:rPr lang="en-US" sz="20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1700" dirty="0" err="1">
                <a:solidFill>
                  <a:schemeClr val="bg1">
                    <a:alpha val="80000"/>
                  </a:schemeClr>
                </a:solidFill>
              </a:rPr>
              <a:t>interventioner</a:t>
            </a:r>
            <a:r>
              <a:rPr lang="en-US" sz="17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1700" dirty="0" err="1">
                <a:solidFill>
                  <a:schemeClr val="bg1">
                    <a:alpha val="80000"/>
                  </a:schemeClr>
                </a:solidFill>
              </a:rPr>
              <a:t>og</a:t>
            </a:r>
            <a:r>
              <a:rPr lang="en-US" sz="1700" dirty="0">
                <a:solidFill>
                  <a:schemeClr val="bg1">
                    <a:alpha val="80000"/>
                  </a:schemeClr>
                </a:solidFill>
              </a:rPr>
              <a:t> </a:t>
            </a:r>
            <a:r>
              <a:rPr lang="en-US" sz="1700" dirty="0" err="1">
                <a:solidFill>
                  <a:schemeClr val="bg1">
                    <a:alpha val="80000"/>
                  </a:schemeClr>
                </a:solidFill>
              </a:rPr>
              <a:t>forstyrrelser</a:t>
            </a:r>
            <a:r>
              <a:rPr lang="en-US" sz="1700" dirty="0">
                <a:solidFill>
                  <a:schemeClr val="bg1">
                    <a:alpha val="80000"/>
                  </a:schemeClr>
                </a:solidFill>
              </a:rPr>
              <a:t>.</a:t>
            </a:r>
          </a:p>
        </p:txBody>
      </p:sp>
      <p:sp>
        <p:nvSpPr>
          <p:cNvPr id="31" name="Titel 1">
            <a:extLst>
              <a:ext uri="{FF2B5EF4-FFF2-40B4-BE49-F238E27FC236}">
                <a16:creationId xmlns:a16="http://schemas.microsoft.com/office/drawing/2014/main" id="{77B991DB-2733-4A04-879F-839CF4F6E55D}"/>
              </a:ext>
            </a:extLst>
          </p:cNvPr>
          <p:cNvSpPr txBox="1">
            <a:spLocks/>
          </p:cNvSpPr>
          <p:nvPr/>
        </p:nvSpPr>
        <p:spPr>
          <a:xfrm>
            <a:off x="1102367" y="5938838"/>
            <a:ext cx="8655996" cy="5830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spcAft>
                <a:spcPts val="600"/>
              </a:spcAft>
            </a:pPr>
            <a:r>
              <a:rPr lang="da-DK" sz="2000" dirty="0">
                <a:solidFill>
                  <a:schemeClr val="bg1"/>
                </a:solidFill>
                <a:latin typeface="Times New Roman" panose="02020603050405020304" pitchFamily="18" charset="0"/>
              </a:rPr>
              <a:t>Robinson, V. (2011). </a:t>
            </a:r>
            <a:r>
              <a:rPr lang="da-DK" sz="2000" i="1" dirty="0">
                <a:solidFill>
                  <a:schemeClr val="bg1"/>
                </a:solidFill>
                <a:latin typeface="Times New Roman" panose="02020603050405020304" pitchFamily="18" charset="0"/>
              </a:rPr>
              <a:t>Student-</a:t>
            </a:r>
            <a:r>
              <a:rPr lang="da-DK" sz="2000" i="1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Centered</a:t>
            </a:r>
            <a:r>
              <a:rPr lang="da-DK" sz="2000" i="1" dirty="0">
                <a:solidFill>
                  <a:schemeClr val="bg1"/>
                </a:solidFill>
                <a:latin typeface="Times New Roman" panose="02020603050405020304" pitchFamily="18" charset="0"/>
              </a:rPr>
              <a:t> </a:t>
            </a:r>
            <a:r>
              <a:rPr lang="da-DK" sz="2000" i="1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Leadership</a:t>
            </a:r>
            <a:r>
              <a:rPr lang="da-DK" sz="2000" dirty="0">
                <a:solidFill>
                  <a:schemeClr val="bg1"/>
                </a:solidFill>
                <a:latin typeface="Times New Roman" panose="02020603050405020304" pitchFamily="18" charset="0"/>
              </a:rPr>
              <a:t>. </a:t>
            </a:r>
            <a:r>
              <a:rPr lang="da-DK" sz="20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Hoboken</a:t>
            </a:r>
            <a:r>
              <a:rPr lang="da-DK" sz="2000" dirty="0">
                <a:solidFill>
                  <a:schemeClr val="bg1"/>
                </a:solidFill>
                <a:latin typeface="Times New Roman" panose="02020603050405020304" pitchFamily="18" charset="0"/>
              </a:rPr>
              <a:t>, NJ: </a:t>
            </a:r>
            <a:r>
              <a:rPr lang="da-DK" sz="2000" dirty="0" err="1">
                <a:solidFill>
                  <a:schemeClr val="bg1"/>
                </a:solidFill>
                <a:latin typeface="Times New Roman" panose="02020603050405020304" pitchFamily="18" charset="0"/>
              </a:rPr>
              <a:t>Jossey</a:t>
            </a:r>
            <a:r>
              <a:rPr lang="da-DK" sz="2000" dirty="0">
                <a:solidFill>
                  <a:schemeClr val="bg1"/>
                </a:solidFill>
                <a:latin typeface="Times New Roman" panose="02020603050405020304" pitchFamily="18" charset="0"/>
              </a:rPr>
              <a:t>-Bass</a:t>
            </a:r>
            <a:endParaRPr lang="en-US" sz="2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3999963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ctangle 28">
            <a:extLst>
              <a:ext uri="{FF2B5EF4-FFF2-40B4-BE49-F238E27FC236}">
                <a16:creationId xmlns:a16="http://schemas.microsoft.com/office/drawing/2014/main" id="{C5E6CFF1-2F42-4E10-9A97-F116F46F5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8E2C3B05-D55D-49D8-B9E3-A5896F6BCD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alphaModFix amt="35000"/>
          </a:blip>
          <a:srcRect t="8340" b="7074"/>
          <a:stretch/>
        </p:blipFill>
        <p:spPr>
          <a:xfrm>
            <a:off x="20" y="1"/>
            <a:ext cx="12191980" cy="685799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51F84FA-8173-47BF-AE8C-3DECF9144E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1" y="1065862"/>
            <a:ext cx="3313164" cy="4726276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r"/>
            <a:r>
              <a:rPr lang="en-US" sz="4000" b="1" dirty="0">
                <a:solidFill>
                  <a:srgbClr val="FFFFFF"/>
                </a:solidFill>
                <a:latin typeface="+mn-lt"/>
              </a:rPr>
              <a:t>Det med </a:t>
            </a:r>
            <a:r>
              <a:rPr lang="en-US" sz="4000" b="1" dirty="0" err="1">
                <a:solidFill>
                  <a:srgbClr val="FFFFFF"/>
                </a:solidFill>
                <a:latin typeface="+mn-lt"/>
              </a:rPr>
              <a:t>målene</a:t>
            </a:r>
            <a:endParaRPr lang="en-US" sz="4000" b="1" dirty="0">
              <a:solidFill>
                <a:srgbClr val="FFFFFF"/>
              </a:solidFill>
              <a:latin typeface="+mn-lt"/>
            </a:endParaRPr>
          </a:p>
        </p:txBody>
      </p:sp>
      <p:cxnSp>
        <p:nvCxnSpPr>
          <p:cNvPr id="31" name="Straight Connector 30">
            <a:extLst>
              <a:ext uri="{FF2B5EF4-FFF2-40B4-BE49-F238E27FC236}">
                <a16:creationId xmlns:a16="http://schemas.microsoft.com/office/drawing/2014/main" id="{67182200-4859-4C8D-BCBB-55B245C28BA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4653372" y="2286000"/>
            <a:ext cx="0" cy="2286000"/>
          </a:xfrm>
          <a:prstGeom prst="line">
            <a:avLst/>
          </a:prstGeom>
          <a:ln w="15875">
            <a:solidFill>
              <a:srgbClr val="FFFFF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5253A15A-F8FD-462E-BEA1-3793E6C2BFD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155379" y="1065862"/>
            <a:ext cx="5744685" cy="4726276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marL="0" indent="0">
              <a:buNone/>
            </a:pPr>
            <a:r>
              <a:rPr lang="en-US" sz="2000" b="1" dirty="0" err="1">
                <a:solidFill>
                  <a:srgbClr val="FFFFFF"/>
                </a:solidFill>
              </a:rPr>
              <a:t>Specifikt</a:t>
            </a:r>
            <a:r>
              <a:rPr lang="en-US" sz="2000" b="1" dirty="0">
                <a:solidFill>
                  <a:srgbClr val="FFFFFF"/>
                </a:solidFill>
              </a:rPr>
              <a:t>: </a:t>
            </a:r>
            <a:r>
              <a:rPr lang="en-US" sz="2000" b="1" dirty="0" err="1">
                <a:solidFill>
                  <a:srgbClr val="FFFFFF"/>
                </a:solidFill>
              </a:rPr>
              <a:t>Hvad</a:t>
            </a:r>
            <a:r>
              <a:rPr lang="en-US" sz="2000" b="1" dirty="0">
                <a:solidFill>
                  <a:srgbClr val="FFFFFF"/>
                </a:solidFill>
              </a:rPr>
              <a:t> er det </a:t>
            </a:r>
            <a:r>
              <a:rPr lang="en-US" sz="2000" b="1" dirty="0" err="1">
                <a:solidFill>
                  <a:srgbClr val="FFFFFF"/>
                </a:solidFill>
              </a:rPr>
              <a:t>helt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præcist</a:t>
            </a:r>
            <a:r>
              <a:rPr lang="en-US" sz="2000" b="1" dirty="0">
                <a:solidFill>
                  <a:srgbClr val="FFFFFF"/>
                </a:solidFill>
              </a:rPr>
              <a:t>, I </a:t>
            </a:r>
            <a:r>
              <a:rPr lang="en-US" sz="2000" b="1" dirty="0" err="1">
                <a:solidFill>
                  <a:srgbClr val="FFFFFF"/>
                </a:solidFill>
              </a:rPr>
              <a:t>vil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opnå</a:t>
            </a:r>
            <a:r>
              <a:rPr lang="en-US" sz="2000" b="1" dirty="0">
                <a:solidFill>
                  <a:srgbClr val="FFFFFF"/>
                </a:solidFill>
              </a:rPr>
              <a:t>? </a:t>
            </a:r>
          </a:p>
          <a:p>
            <a:pPr marL="0" indent="0">
              <a:buNone/>
            </a:pPr>
            <a:r>
              <a:rPr lang="en-US" sz="2000" b="1" dirty="0" err="1">
                <a:solidFill>
                  <a:srgbClr val="FFFFFF"/>
                </a:solidFill>
              </a:rPr>
              <a:t>Målbart</a:t>
            </a:r>
            <a:r>
              <a:rPr lang="en-US" sz="2000" b="1" dirty="0">
                <a:solidFill>
                  <a:srgbClr val="FFFFFF"/>
                </a:solidFill>
              </a:rPr>
              <a:t>: </a:t>
            </a:r>
            <a:r>
              <a:rPr lang="en-US" sz="2000" b="1" dirty="0" err="1">
                <a:solidFill>
                  <a:srgbClr val="FFFFFF"/>
                </a:solidFill>
              </a:rPr>
              <a:t>Hvor</a:t>
            </a:r>
            <a:r>
              <a:rPr lang="en-US" sz="2000" b="1" dirty="0">
                <a:solidFill>
                  <a:srgbClr val="FFFFFF"/>
                </a:solidFill>
              </a:rPr>
              <a:t> mange? </a:t>
            </a:r>
            <a:r>
              <a:rPr lang="en-US" sz="2000" b="1" dirty="0" err="1">
                <a:solidFill>
                  <a:srgbClr val="FFFFFF"/>
                </a:solidFill>
              </a:rPr>
              <a:t>Hvor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meget</a:t>
            </a:r>
            <a:r>
              <a:rPr lang="en-US" sz="2000" b="1" dirty="0">
                <a:solidFill>
                  <a:srgbClr val="FFFFFF"/>
                </a:solidFill>
              </a:rPr>
              <a:t>? </a:t>
            </a:r>
            <a:r>
              <a:rPr lang="en-US" sz="2000" b="1" dirty="0" err="1">
                <a:solidFill>
                  <a:srgbClr val="FFFFFF"/>
                </a:solidFill>
              </a:rPr>
              <a:t>Hvordan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måler</a:t>
            </a:r>
            <a:r>
              <a:rPr lang="en-US" sz="2000" b="1" dirty="0">
                <a:solidFill>
                  <a:srgbClr val="FFFFFF"/>
                </a:solidFill>
              </a:rPr>
              <a:t> I, om I har </a:t>
            </a:r>
            <a:r>
              <a:rPr lang="en-US" sz="2000" b="1" dirty="0" err="1">
                <a:solidFill>
                  <a:srgbClr val="FFFFFF"/>
                </a:solidFill>
              </a:rPr>
              <a:t>opnået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dit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mål</a:t>
            </a:r>
            <a:r>
              <a:rPr lang="en-US" sz="2000" b="1" dirty="0">
                <a:solidFill>
                  <a:srgbClr val="FFFFFF"/>
                </a:solidFill>
              </a:rPr>
              <a:t>? </a:t>
            </a:r>
          </a:p>
          <a:p>
            <a:pPr marL="0" indent="0">
              <a:buNone/>
            </a:pPr>
            <a:r>
              <a:rPr lang="en-US" sz="2000" b="1" dirty="0" err="1">
                <a:solidFill>
                  <a:srgbClr val="FFFFFF"/>
                </a:solidFill>
              </a:rPr>
              <a:t>Attraktivt</a:t>
            </a:r>
            <a:r>
              <a:rPr lang="en-US" sz="2000" b="1" dirty="0">
                <a:solidFill>
                  <a:srgbClr val="FFFFFF"/>
                </a:solidFill>
              </a:rPr>
              <a:t>: </a:t>
            </a:r>
            <a:r>
              <a:rPr lang="en-US" sz="2000" b="1" dirty="0" err="1">
                <a:solidFill>
                  <a:srgbClr val="FFFFFF"/>
                </a:solidFill>
              </a:rPr>
              <a:t>Hvorfor</a:t>
            </a:r>
            <a:r>
              <a:rPr lang="en-US" sz="2000" b="1" dirty="0">
                <a:solidFill>
                  <a:srgbClr val="FFFFFF"/>
                </a:solidFill>
              </a:rPr>
              <a:t> er </a:t>
            </a:r>
            <a:r>
              <a:rPr lang="en-US" sz="2000" b="1" dirty="0" err="1">
                <a:solidFill>
                  <a:srgbClr val="FFFFFF"/>
                </a:solidFill>
              </a:rPr>
              <a:t>målet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interessant</a:t>
            </a:r>
            <a:r>
              <a:rPr lang="en-US" sz="2000" b="1" dirty="0">
                <a:solidFill>
                  <a:srgbClr val="FFFFFF"/>
                </a:solidFill>
              </a:rPr>
              <a:t> for </a:t>
            </a:r>
            <a:r>
              <a:rPr lang="en-US" sz="2000" b="1" dirty="0" err="1">
                <a:solidFill>
                  <a:srgbClr val="FFFFFF"/>
                </a:solidFill>
              </a:rPr>
              <a:t>jer</a:t>
            </a:r>
            <a:r>
              <a:rPr lang="en-US" sz="2000" b="1" dirty="0">
                <a:solidFill>
                  <a:srgbClr val="FFFFFF"/>
                </a:solidFill>
              </a:rPr>
              <a:t>? </a:t>
            </a:r>
            <a:r>
              <a:rPr lang="en-US" sz="2000" b="1" dirty="0" err="1">
                <a:solidFill>
                  <a:srgbClr val="FFFFFF"/>
                </a:solidFill>
              </a:rPr>
              <a:t>Opfylder</a:t>
            </a:r>
            <a:r>
              <a:rPr lang="en-US" sz="2000" b="1" dirty="0">
                <a:solidFill>
                  <a:srgbClr val="FFFFFF"/>
                </a:solidFill>
              </a:rPr>
              <a:t> det </a:t>
            </a:r>
            <a:r>
              <a:rPr lang="en-US" sz="2000" b="1" dirty="0" err="1">
                <a:solidFill>
                  <a:srgbClr val="FFFFFF"/>
                </a:solidFill>
              </a:rPr>
              <a:t>jeres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behov</a:t>
            </a:r>
            <a:r>
              <a:rPr lang="en-US" sz="2000" b="1" dirty="0">
                <a:solidFill>
                  <a:srgbClr val="FFFFFF"/>
                </a:solidFill>
              </a:rPr>
              <a:t>? </a:t>
            </a:r>
          </a:p>
          <a:p>
            <a:pPr marL="0" indent="0">
              <a:buNone/>
            </a:pPr>
            <a:r>
              <a:rPr lang="en-US" sz="2000" b="1" dirty="0" err="1">
                <a:solidFill>
                  <a:srgbClr val="FFFFFF"/>
                </a:solidFill>
              </a:rPr>
              <a:t>Realistisk</a:t>
            </a:r>
            <a:r>
              <a:rPr lang="en-US" sz="2000" b="1" dirty="0">
                <a:solidFill>
                  <a:srgbClr val="FFFFFF"/>
                </a:solidFill>
              </a:rPr>
              <a:t>: Er </a:t>
            </a:r>
            <a:r>
              <a:rPr lang="en-US" sz="2000" b="1" dirty="0" err="1">
                <a:solidFill>
                  <a:srgbClr val="FFFFFF"/>
                </a:solidFill>
              </a:rPr>
              <a:t>målet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realistisk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og</a:t>
            </a:r>
            <a:r>
              <a:rPr lang="en-US" sz="2000" b="1" dirty="0">
                <a:solidFill>
                  <a:srgbClr val="FFFFFF"/>
                </a:solidFill>
              </a:rPr>
              <a:t> </a:t>
            </a:r>
            <a:r>
              <a:rPr lang="en-US" sz="2000" b="1" dirty="0" err="1">
                <a:solidFill>
                  <a:srgbClr val="FFFFFF"/>
                </a:solidFill>
              </a:rPr>
              <a:t>opnåeligt</a:t>
            </a:r>
            <a:r>
              <a:rPr lang="en-US" sz="2000" b="1" dirty="0">
                <a:solidFill>
                  <a:srgbClr val="FFFFFF"/>
                </a:solidFill>
              </a:rPr>
              <a:t> med de </a:t>
            </a:r>
            <a:r>
              <a:rPr lang="en-US" sz="2000" b="1" dirty="0" err="1">
                <a:solidFill>
                  <a:srgbClr val="FFFFFF"/>
                </a:solidFill>
              </a:rPr>
              <a:t>ressourcer</a:t>
            </a:r>
            <a:r>
              <a:rPr lang="en-US" sz="2000" b="1" dirty="0">
                <a:solidFill>
                  <a:srgbClr val="FFFFFF"/>
                </a:solidFill>
              </a:rPr>
              <a:t>, </a:t>
            </a:r>
            <a:r>
              <a:rPr lang="en-US" sz="2000" b="1" dirty="0" err="1">
                <a:solidFill>
                  <a:srgbClr val="FFFFFF"/>
                </a:solidFill>
              </a:rPr>
              <a:t>som</a:t>
            </a:r>
            <a:r>
              <a:rPr lang="en-US" sz="2000" b="1" dirty="0">
                <a:solidFill>
                  <a:srgbClr val="FFFFFF"/>
                </a:solidFill>
              </a:rPr>
              <a:t> I har? </a:t>
            </a:r>
          </a:p>
          <a:p>
            <a:pPr marL="0" indent="0">
              <a:buNone/>
            </a:pPr>
            <a:r>
              <a:rPr lang="en-US" sz="2000" b="1" dirty="0" err="1">
                <a:solidFill>
                  <a:srgbClr val="FFFFFF"/>
                </a:solidFill>
              </a:rPr>
              <a:t>Tidsbestemt</a:t>
            </a:r>
            <a:r>
              <a:rPr lang="en-US" sz="2000" b="1" dirty="0">
                <a:solidFill>
                  <a:srgbClr val="FFFFFF"/>
                </a:solidFill>
              </a:rPr>
              <a:t>: </a:t>
            </a:r>
            <a:r>
              <a:rPr lang="en-US" sz="2000" b="1" dirty="0" err="1">
                <a:solidFill>
                  <a:srgbClr val="FFFFFF"/>
                </a:solidFill>
              </a:rPr>
              <a:t>Hvornår</a:t>
            </a:r>
            <a:r>
              <a:rPr lang="en-US" sz="2000" b="1" dirty="0">
                <a:solidFill>
                  <a:srgbClr val="FFFFFF"/>
                </a:solidFill>
              </a:rPr>
              <a:t> er </a:t>
            </a:r>
            <a:r>
              <a:rPr lang="en-US" sz="2000" b="1" dirty="0" err="1">
                <a:solidFill>
                  <a:srgbClr val="FFFFFF"/>
                </a:solidFill>
              </a:rPr>
              <a:t>jeres</a:t>
            </a:r>
            <a:r>
              <a:rPr lang="en-US" sz="2000" b="1" dirty="0">
                <a:solidFill>
                  <a:srgbClr val="FFFFFF"/>
                </a:solidFill>
              </a:rPr>
              <a:t> deadline?</a:t>
            </a:r>
          </a:p>
        </p:txBody>
      </p:sp>
    </p:spTree>
    <p:extLst>
      <p:ext uri="{BB962C8B-B14F-4D97-AF65-F5344CB8AC3E}">
        <p14:creationId xmlns:p14="http://schemas.microsoft.com/office/powerpoint/2010/main" val="37184190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8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2748" y="1111678"/>
            <a:ext cx="9554096" cy="4634644"/>
          </a:xfrm>
          <a:prstGeom prst="rect">
            <a:avLst/>
          </a:prstGeom>
        </p:spPr>
      </p:pic>
      <p:sp>
        <p:nvSpPr>
          <p:cNvPr id="6" name="Pladsholder til indhold 5"/>
          <p:cNvSpPr>
            <a:spLocks noGrp="1"/>
          </p:cNvSpPr>
          <p:nvPr>
            <p:ph sz="half" idx="2"/>
          </p:nvPr>
        </p:nvSpPr>
        <p:spPr>
          <a:xfrm>
            <a:off x="1847528" y="3545632"/>
            <a:ext cx="4343400" cy="1899592"/>
          </a:xfrm>
        </p:spPr>
        <p:txBody>
          <a:bodyPr>
            <a:normAutofit fontScale="92500"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chemeClr val="bg1"/>
                </a:solidFill>
                <a:effectLst/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iels Henrik Helms, har arbejdet udviklings- og forskningsmæssigt med læring, medier og ledelse siden 1980’erne. Tidligere lektor på SDU, </a:t>
            </a:r>
            <a:r>
              <a:rPr lang="da-DK" sz="1800" dirty="0">
                <a:solidFill>
                  <a:schemeClr val="bg1"/>
                </a:solidFill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</a:t>
            </a:r>
            <a:r>
              <a:rPr lang="da-DK" sz="1800" dirty="0">
                <a:solidFill>
                  <a:schemeClr val="bg1"/>
                </a:solidFill>
                <a:effectLst/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rektør Knowledge Lab, forskningsleder Absalon, docent Absalon og KP - </a:t>
            </a:r>
            <a:r>
              <a:rPr lang="da-DK" sz="1800" dirty="0">
                <a:solidFill>
                  <a:schemeClr val="bg1"/>
                </a:solidFill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</a:t>
            </a:r>
            <a:r>
              <a:rPr lang="da-DK" sz="1800" dirty="0">
                <a:solidFill>
                  <a:schemeClr val="bg1"/>
                </a:solidFill>
                <a:effectLst/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niorforsker og konsulent</a:t>
            </a:r>
            <a:r>
              <a:rPr lang="da-DK" sz="1800" dirty="0">
                <a:effectLst/>
                <a:highlight>
                  <a:srgbClr val="000000"/>
                </a:highlight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</a:p>
          <a:p>
            <a:endParaRPr lang="en-GB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1697255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47" name="Rectangle 46">
            <a:extLst>
              <a:ext uri="{FF2B5EF4-FFF2-40B4-BE49-F238E27FC236}">
                <a16:creationId xmlns:a16="http://schemas.microsoft.com/office/drawing/2014/main" id="{9AA72BD9-2C5A-4EDC-931F-5AA08EACA0F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Grafik 5" descr="Lærer smiler og skriver på whiteboard">
            <a:extLst>
              <a:ext uri="{FF2B5EF4-FFF2-40B4-BE49-F238E27FC236}">
                <a16:creationId xmlns:a16="http://schemas.microsoft.com/office/drawing/2014/main" id="{2F53B3E7-F2BB-41DA-BAC6-8636CB520172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091" r="23289"/>
          <a:stretch/>
        </p:blipFill>
        <p:spPr>
          <a:xfrm>
            <a:off x="3523488" y="10"/>
            <a:ext cx="8668512" cy="6857990"/>
          </a:xfrm>
          <a:prstGeom prst="rect">
            <a:avLst/>
          </a:prstGeom>
        </p:spPr>
      </p:pic>
      <p:sp>
        <p:nvSpPr>
          <p:cNvPr id="49" name="Rectangle 48">
            <a:extLst>
              <a:ext uri="{FF2B5EF4-FFF2-40B4-BE49-F238E27FC236}">
                <a16:creationId xmlns:a16="http://schemas.microsoft.com/office/drawing/2014/main" id="{DD3981AC-7B61-4947-BCF3-F7AA7FA385B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2" y="0"/>
            <a:ext cx="9756601" cy="6858000"/>
          </a:xfrm>
          <a:prstGeom prst="rect">
            <a:avLst/>
          </a:prstGeom>
          <a:gradFill>
            <a:gsLst>
              <a:gs pos="58000">
                <a:schemeClr val="bg1"/>
              </a:gs>
              <a:gs pos="35000">
                <a:schemeClr val="bg1">
                  <a:alpha val="78000"/>
                </a:schemeClr>
              </a:gs>
              <a:gs pos="19000">
                <a:schemeClr val="bg1">
                  <a:alpha val="38000"/>
                </a:schemeClr>
              </a:gs>
              <a:gs pos="0">
                <a:schemeClr val="bg1">
                  <a:alpha val="0"/>
                </a:schemeClr>
              </a:gs>
              <a:gs pos="100000">
                <a:schemeClr val="bg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7C539A57-2C1D-461C-A4EF-AAA9B54A19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094" y="1161288"/>
            <a:ext cx="3438144" cy="1124712"/>
          </a:xfr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 sz="2800" b="1">
                <a:solidFill>
                  <a:schemeClr val="tx1"/>
                </a:solidFill>
              </a:rPr>
              <a:t>Elsk dine undervisere</a:t>
            </a:r>
          </a:p>
        </p:txBody>
      </p:sp>
      <p:sp>
        <p:nvSpPr>
          <p:cNvPr id="51" name="Rectangle 50">
            <a:extLst>
              <a:ext uri="{FF2B5EF4-FFF2-40B4-BE49-F238E27FC236}">
                <a16:creationId xmlns:a16="http://schemas.microsoft.com/office/drawing/2014/main" id="{55D4142C-5077-457F-A6AD-3FECFDB3968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5400000">
            <a:off x="662559" y="605790"/>
            <a:ext cx="73152" cy="54864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3" name="Rectangle 52">
            <a:extLst>
              <a:ext uri="{FF2B5EF4-FFF2-40B4-BE49-F238E27FC236}">
                <a16:creationId xmlns:a16="http://schemas.microsoft.com/office/drawing/2014/main" id="{7A5F0580-5EE9-419F-96EE-B6529EF6E7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28244" y="2443480"/>
            <a:ext cx="3300984" cy="18288"/>
          </a:xfrm>
          <a:prstGeom prst="rect">
            <a:avLst/>
          </a:prstGeom>
          <a:solidFill>
            <a:schemeClr val="tx1"/>
          </a:solidFill>
          <a:ln w="3175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074F804-F1D6-43FC-9707-C737564A3BB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371094" y="2718054"/>
            <a:ext cx="3438906" cy="3207258"/>
          </a:xfrm>
        </p:spPr>
        <p:txBody>
          <a:bodyPr vert="horz" lIns="91440" tIns="45720" rIns="91440" bIns="45720" rtlCol="0" anchor="t">
            <a:normAutofit/>
          </a:bodyPr>
          <a:lstStyle/>
          <a:p>
            <a:pPr marL="0"/>
            <a:r>
              <a:rPr lang="en-US" sz="1600" b="1" dirty="0">
                <a:solidFill>
                  <a:schemeClr val="tx1"/>
                </a:solidFill>
              </a:rPr>
              <a:t>The best way you can love teachers is to create the conditions under which they can become successful.</a:t>
            </a:r>
          </a:p>
          <a:p>
            <a:pPr marL="0"/>
            <a:r>
              <a:rPr lang="en-US" sz="1600" dirty="0">
                <a:solidFill>
                  <a:schemeClr val="tx1"/>
                </a:solidFill>
              </a:rPr>
              <a:t>Indre motivation,  </a:t>
            </a:r>
            <a:r>
              <a:rPr lang="en-US" sz="1600" dirty="0" err="1">
                <a:solidFill>
                  <a:schemeClr val="tx1"/>
                </a:solidFill>
              </a:rPr>
              <a:t>som</a:t>
            </a:r>
            <a:r>
              <a:rPr lang="en-US" sz="1600" dirty="0">
                <a:solidFill>
                  <a:schemeClr val="tx1"/>
                </a:solidFill>
              </a:rPr>
              <a:t> handler om </a:t>
            </a:r>
            <a:r>
              <a:rPr lang="en-US" sz="1600" b="1" dirty="0" err="1">
                <a:solidFill>
                  <a:schemeClr val="tx1"/>
                </a:solidFill>
              </a:rPr>
              <a:t>formål</a:t>
            </a:r>
            <a:r>
              <a:rPr lang="en-US" sz="1600" b="1" dirty="0">
                <a:solidFill>
                  <a:schemeClr val="tx1"/>
                </a:solidFill>
              </a:rPr>
              <a:t>, </a:t>
            </a:r>
            <a:r>
              <a:rPr lang="en-US" sz="1600" b="1" dirty="0" err="1">
                <a:solidFill>
                  <a:schemeClr val="tx1"/>
                </a:solidFill>
              </a:rPr>
              <a:t>mestring</a:t>
            </a:r>
            <a:r>
              <a:rPr lang="en-US" sz="1600" b="1" dirty="0">
                <a:solidFill>
                  <a:schemeClr val="tx1"/>
                </a:solidFill>
              </a:rPr>
              <a:t>, </a:t>
            </a:r>
            <a:r>
              <a:rPr lang="en-US" sz="1600" b="1" dirty="0" err="1">
                <a:solidFill>
                  <a:schemeClr val="tx1"/>
                </a:solidFill>
              </a:rPr>
              <a:t>kapacitet</a:t>
            </a:r>
            <a:r>
              <a:rPr lang="en-US" sz="1600" b="1" dirty="0">
                <a:solidFill>
                  <a:schemeClr val="tx1"/>
                </a:solidFill>
              </a:rPr>
              <a:t>, </a:t>
            </a:r>
            <a:r>
              <a:rPr lang="en-US" sz="1600" b="1" dirty="0" err="1">
                <a:solidFill>
                  <a:schemeClr val="tx1"/>
                </a:solidFill>
              </a:rPr>
              <a:t>arbejde</a:t>
            </a:r>
            <a:r>
              <a:rPr lang="en-US" sz="1600" b="1" dirty="0">
                <a:solidFill>
                  <a:schemeClr val="tx1"/>
                </a:solidFill>
              </a:rPr>
              <a:t> </a:t>
            </a:r>
            <a:r>
              <a:rPr lang="en-US" sz="1600" b="1" dirty="0" err="1">
                <a:solidFill>
                  <a:schemeClr val="tx1"/>
                </a:solidFill>
              </a:rPr>
              <a:t>sammen</a:t>
            </a:r>
            <a:r>
              <a:rPr lang="en-US" sz="1600" b="1" dirty="0">
                <a:solidFill>
                  <a:schemeClr val="tx1"/>
                </a:solidFill>
              </a:rPr>
              <a:t>, working with others, </a:t>
            </a:r>
            <a:r>
              <a:rPr lang="en-US" sz="1600" b="1" dirty="0" err="1">
                <a:solidFill>
                  <a:schemeClr val="tx1"/>
                </a:solidFill>
              </a:rPr>
              <a:t>og</a:t>
            </a:r>
            <a:r>
              <a:rPr lang="en-US" sz="1600" b="1" dirty="0">
                <a:solidFill>
                  <a:schemeClr val="tx1"/>
                </a:solidFill>
              </a:rPr>
              <a:t> med </a:t>
            </a:r>
            <a:r>
              <a:rPr lang="en-US" sz="1600" b="1" dirty="0" err="1">
                <a:solidFill>
                  <a:schemeClr val="tx1"/>
                </a:solidFill>
              </a:rPr>
              <a:t>en</a:t>
            </a:r>
            <a:r>
              <a:rPr lang="en-US" sz="1600" b="1" dirty="0">
                <a:solidFill>
                  <a:schemeClr val="tx1"/>
                </a:solidFill>
              </a:rPr>
              <a:t> vis relevant  </a:t>
            </a:r>
            <a:r>
              <a:rPr lang="en-US" sz="1600" b="1" dirty="0" err="1">
                <a:solidFill>
                  <a:schemeClr val="tx1"/>
                </a:solidFill>
              </a:rPr>
              <a:t>autonomi</a:t>
            </a:r>
            <a:endParaRPr lang="en-US" sz="1600" b="1" dirty="0">
              <a:solidFill>
                <a:schemeClr val="tx1"/>
              </a:solidFill>
            </a:endParaRPr>
          </a:p>
          <a:p>
            <a:pPr marL="0"/>
            <a:r>
              <a:rPr lang="en-US" sz="1600" dirty="0" err="1">
                <a:solidFill>
                  <a:schemeClr val="tx1"/>
                </a:solidFill>
              </a:rPr>
              <a:t>Samarbejdskulturer</a:t>
            </a:r>
            <a:r>
              <a:rPr lang="en-US" sz="1600" dirty="0">
                <a:solidFill>
                  <a:schemeClr val="tx1"/>
                </a:solidFill>
              </a:rPr>
              <a:t> – </a:t>
            </a:r>
            <a:r>
              <a:rPr lang="en-US" sz="1600" dirty="0" err="1">
                <a:solidFill>
                  <a:schemeClr val="tx1"/>
                </a:solidFill>
              </a:rPr>
              <a:t>Ændre</a:t>
            </a:r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b="1" dirty="0" err="1">
                <a:solidFill>
                  <a:schemeClr val="tx1"/>
                </a:solidFill>
              </a:rPr>
              <a:t>gruppen</a:t>
            </a:r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dirty="0" err="1">
                <a:solidFill>
                  <a:schemeClr val="tx1"/>
                </a:solidFill>
              </a:rPr>
              <a:t>gennem</a:t>
            </a:r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dirty="0" err="1">
                <a:solidFill>
                  <a:schemeClr val="tx1"/>
                </a:solidFill>
              </a:rPr>
              <a:t>gruppen</a:t>
            </a:r>
            <a:endParaRPr lang="en-US" sz="1600" dirty="0">
              <a:solidFill>
                <a:schemeClr val="tx1"/>
              </a:solidFill>
            </a:endParaRPr>
          </a:p>
          <a:p>
            <a:pPr marL="0"/>
            <a:r>
              <a:rPr lang="en-US" sz="1600" dirty="0" err="1">
                <a:solidFill>
                  <a:schemeClr val="tx1"/>
                </a:solidFill>
              </a:rPr>
              <a:t>Lede</a:t>
            </a:r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dirty="0" err="1">
                <a:solidFill>
                  <a:schemeClr val="tx1"/>
                </a:solidFill>
              </a:rPr>
              <a:t>fra</a:t>
            </a:r>
            <a:r>
              <a:rPr lang="en-US" sz="1600" dirty="0">
                <a:solidFill>
                  <a:schemeClr val="tx1"/>
                </a:solidFill>
              </a:rPr>
              <a:t> </a:t>
            </a:r>
            <a:r>
              <a:rPr lang="en-US" sz="1600" b="1" dirty="0" err="1">
                <a:solidFill>
                  <a:schemeClr val="tx1"/>
                </a:solidFill>
              </a:rPr>
              <a:t>midten</a:t>
            </a:r>
            <a:endParaRPr lang="en-US" sz="1600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90873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>
            <a:extLst>
              <a:ext uri="{FF2B5EF4-FFF2-40B4-BE49-F238E27FC236}">
                <a16:creationId xmlns:a16="http://schemas.microsoft.com/office/drawing/2014/main" id="{A7AE9375-4664-4DB2-922D-2782A6E439A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95000"/>
              <a:lumOff val="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F52FDFF-46A9-48F7-A3CF-D50A840E649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69240" y="753042"/>
            <a:ext cx="7977118" cy="5172060"/>
          </a:xfrm>
        </p:spPr>
        <p:txBody>
          <a:bodyPr anchor="ctr">
            <a:normAutofit/>
          </a:bodyPr>
          <a:lstStyle/>
          <a:p>
            <a:pPr marL="0" indent="0">
              <a:buNone/>
            </a:pPr>
            <a:r>
              <a:rPr lang="da-DK" sz="3200" dirty="0">
                <a:solidFill>
                  <a:schemeClr val="bg1"/>
                </a:solidFill>
              </a:rPr>
              <a:t>Digitalisering tilbyder sig som en mulighed og et påbud</a:t>
            </a:r>
          </a:p>
          <a:p>
            <a:pPr marL="0" indent="0">
              <a:buNone/>
            </a:pPr>
            <a:r>
              <a:rPr lang="da-DK" sz="3200" dirty="0">
                <a:solidFill>
                  <a:schemeClr val="bg1"/>
                </a:solidFill>
              </a:rPr>
              <a:t>Ledelse skal skabe refleksions- og handlingsrum </a:t>
            </a:r>
            <a:r>
              <a:rPr lang="da-DK" sz="3200" dirty="0" err="1">
                <a:solidFill>
                  <a:schemeClr val="bg1"/>
                </a:solidFill>
              </a:rPr>
              <a:t>ift</a:t>
            </a:r>
            <a:r>
              <a:rPr lang="da-DK" sz="3200" dirty="0">
                <a:solidFill>
                  <a:schemeClr val="bg1"/>
                </a:solidFill>
              </a:rPr>
              <a:t> de ændringer digitalisering både skaber mulighed for og kræver</a:t>
            </a:r>
          </a:p>
          <a:p>
            <a:pPr marL="0" indent="0">
              <a:buNone/>
            </a:pPr>
            <a:r>
              <a:rPr lang="da-DK" sz="3200" dirty="0">
                <a:solidFill>
                  <a:schemeClr val="bg1"/>
                </a:solidFill>
              </a:rPr>
              <a:t>Fokus på lærer og team</a:t>
            </a:r>
          </a:p>
          <a:p>
            <a:pPr marL="0" indent="0">
              <a:buNone/>
            </a:pPr>
            <a:r>
              <a:rPr lang="da-DK" sz="3200" dirty="0">
                <a:solidFill>
                  <a:schemeClr val="bg1"/>
                </a:solidFill>
              </a:rPr>
              <a:t>Ledelse er kritisk </a:t>
            </a:r>
            <a:r>
              <a:rPr lang="da-DK" sz="3200" dirty="0" err="1">
                <a:solidFill>
                  <a:schemeClr val="bg1"/>
                </a:solidFill>
              </a:rPr>
              <a:t>ift</a:t>
            </a:r>
            <a:r>
              <a:rPr lang="da-DK" sz="3200" dirty="0">
                <a:solidFill>
                  <a:schemeClr val="bg1"/>
                </a:solidFill>
              </a:rPr>
              <a:t> elevernes læring og dannelse</a:t>
            </a:r>
          </a:p>
          <a:p>
            <a:pPr marL="0" indent="0">
              <a:buNone/>
            </a:pPr>
            <a:r>
              <a:rPr lang="da-DK" sz="4000" dirty="0">
                <a:solidFill>
                  <a:schemeClr val="accent2"/>
                </a:solidFill>
              </a:rPr>
              <a:t>Kræv radikale løsninger!!!</a:t>
            </a:r>
          </a:p>
          <a:p>
            <a:pPr marL="0" indent="0">
              <a:buNone/>
            </a:pPr>
            <a:endParaRPr lang="da-DK" sz="2000" dirty="0">
              <a:solidFill>
                <a:schemeClr val="bg1"/>
              </a:solidFill>
            </a:endParaRPr>
          </a:p>
        </p:txBody>
      </p: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EE504C98-6397-41C1-A8D8-2D9C4ED307E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 flipH="1">
            <a:off x="6974546" y="5597879"/>
            <a:ext cx="5102006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Rectangle 35">
            <a:extLst>
              <a:ext uri="{FF2B5EF4-FFF2-40B4-BE49-F238E27FC236}">
                <a16:creationId xmlns:a16="http://schemas.microsoft.com/office/drawing/2014/main" id="{9DD005C1-8C51-42D6-9BEE-B9B83849743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26206" y="115193"/>
            <a:ext cx="11939588" cy="6627614"/>
          </a:xfrm>
          <a:prstGeom prst="rect">
            <a:avLst/>
          </a:prstGeom>
          <a:noFill/>
          <a:ln w="127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0081779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1017600" y="884718"/>
            <a:ext cx="9985011" cy="1314909"/>
          </a:xfrm>
        </p:spPr>
        <p:txBody>
          <a:bodyPr anchor="t">
            <a:normAutofit/>
          </a:bodyPr>
          <a:lstStyle/>
          <a:p>
            <a:r>
              <a:rPr lang="da-DK" dirty="0">
                <a:solidFill>
                  <a:schemeClr val="tx1"/>
                </a:solidFill>
                <a:latin typeface="+mn-lt"/>
              </a:rPr>
              <a:t>Anslag – SAMR-modellen</a:t>
            </a:r>
          </a:p>
        </p:txBody>
      </p:sp>
      <p:sp>
        <p:nvSpPr>
          <p:cNvPr id="71" name="Text Placeholder 2">
            <a:extLst>
              <a:ext uri="{FF2B5EF4-FFF2-40B4-BE49-F238E27FC236}">
                <a16:creationId xmlns:a16="http://schemas.microsoft.com/office/drawing/2014/main" id="{044B3102-BF4C-441F-8357-949B74EDBC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018117" y="2199627"/>
            <a:ext cx="2827906" cy="377365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sz="2200" dirty="0"/>
              <a:t>Hvorfor SAMR?</a:t>
            </a:r>
            <a:br>
              <a:rPr lang="da-DK" sz="2200" dirty="0"/>
            </a:br>
            <a:r>
              <a:rPr lang="da-DK" sz="2200" dirty="0"/>
              <a:t>Hvor er vi nu?</a:t>
            </a:r>
            <a:br>
              <a:rPr lang="da-DK" sz="2200" dirty="0"/>
            </a:br>
            <a:r>
              <a:rPr lang="da-DK" sz="2200" dirty="0"/>
              <a:t>Hvor vil vi gerne bevæge os hen?	</a:t>
            </a:r>
            <a:br>
              <a:rPr lang="da-DK" sz="2200" dirty="0"/>
            </a:br>
            <a:r>
              <a:rPr lang="da-DK" sz="2200" dirty="0"/>
              <a:t>SAMR-modellen et afsæt til både planlægning, gennemførelse og evaluering af undervisnings- og læringsaktiviteter som inddrager digitale teknologier</a:t>
            </a:r>
            <a:r>
              <a:rPr lang="da-DK" dirty="0"/>
              <a:t>.</a:t>
            </a:r>
            <a:endParaRPr lang="en-US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D69A204C-C828-48B9-BCDB-82BD06C6C9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/>
          <a:stretch/>
        </p:blipFill>
        <p:spPr bwMode="auto">
          <a:xfrm>
            <a:off x="3713019" y="2095128"/>
            <a:ext cx="7550058" cy="3982655"/>
          </a:xfrm>
          <a:prstGeom prst="rect">
            <a:avLst/>
          </a:prstGeom>
          <a:noFill/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>
          <a:xfrm>
            <a:off x="4416509" y="6367370"/>
            <a:ext cx="3407683" cy="184665"/>
          </a:xfrm>
        </p:spPr>
        <p:txBody>
          <a:bodyPr>
            <a:normAutofit/>
          </a:bodyPr>
          <a:lstStyle/>
          <a:p>
            <a:pPr>
              <a:spcAft>
                <a:spcPts val="800"/>
              </a:spcAft>
            </a:pPr>
            <a:fld id="{4255902C-8C1A-4DAD-A8E7-D33067E00D87}" type="datetime2">
              <a:rPr lang="da-DK" smtClean="0"/>
              <a:pPr>
                <a:spcAft>
                  <a:spcPts val="800"/>
                </a:spcAft>
              </a:pPr>
              <a:t>31. januar 202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4478940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 descr="Et billede, der indeholder indendørs, person, mand, hylde&#10;&#10;Automatisk genereret beskrivelse">
            <a:extLst>
              <a:ext uri="{FF2B5EF4-FFF2-40B4-BE49-F238E27FC236}">
                <a16:creationId xmlns:a16="http://schemas.microsoft.com/office/drawing/2014/main" id="{F4B54BA1-18FE-4D69-9025-8BE2D99E4BF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7600" t="6601" r="4501" b="14291"/>
          <a:stretch/>
        </p:blipFill>
        <p:spPr>
          <a:xfrm>
            <a:off x="1151459" y="2199627"/>
            <a:ext cx="1526005" cy="177795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1017600" y="884718"/>
            <a:ext cx="9985011" cy="1314909"/>
          </a:xfrm>
        </p:spPr>
        <p:txBody>
          <a:bodyPr anchor="t">
            <a:normAutofit/>
          </a:bodyPr>
          <a:lstStyle/>
          <a:p>
            <a:r>
              <a:rPr lang="da-DK" dirty="0">
                <a:solidFill>
                  <a:schemeClr val="tx1"/>
                </a:solidFill>
              </a:rPr>
              <a:t>Anslag – SAMR-modellen</a:t>
            </a:r>
          </a:p>
        </p:txBody>
      </p:sp>
      <p:sp>
        <p:nvSpPr>
          <p:cNvPr id="71" name="Text Placeholder 2">
            <a:extLst>
              <a:ext uri="{FF2B5EF4-FFF2-40B4-BE49-F238E27FC236}">
                <a16:creationId xmlns:a16="http://schemas.microsoft.com/office/drawing/2014/main" id="{044B3102-BF4C-441F-8357-949B74EDBC1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2831637" y="2424000"/>
            <a:ext cx="3024336" cy="1778976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dirty="0"/>
              <a:t>Amerikansk skolekonsulent</a:t>
            </a:r>
            <a:br>
              <a:rPr lang="en-US" dirty="0"/>
            </a:br>
            <a:r>
              <a:rPr lang="da-DK" dirty="0"/>
              <a:t>Dr. Ruben R. </a:t>
            </a:r>
            <a:r>
              <a:rPr lang="da-DK" dirty="0" err="1"/>
              <a:t>Puentedura</a:t>
            </a:r>
            <a:endParaRPr lang="da-DK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D69A204C-C828-48B9-BCDB-82BD06C6C90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/>
          <a:stretch/>
        </p:blipFill>
        <p:spPr bwMode="auto">
          <a:xfrm>
            <a:off x="6240000" y="2424000"/>
            <a:ext cx="4762677" cy="2512312"/>
          </a:xfrm>
          <a:prstGeom prst="rect">
            <a:avLst/>
          </a:prstGeom>
          <a:noFill/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>
          <a:xfrm>
            <a:off x="4416509" y="6367370"/>
            <a:ext cx="3407683" cy="184665"/>
          </a:xfrm>
        </p:spPr>
        <p:txBody>
          <a:bodyPr>
            <a:normAutofit/>
          </a:bodyPr>
          <a:lstStyle/>
          <a:p>
            <a:pPr>
              <a:spcAft>
                <a:spcPts val="800"/>
              </a:spcAft>
            </a:pPr>
            <a:fld id="{4255902C-8C1A-4DAD-A8E7-D33067E00D87}" type="datetime2">
              <a:rPr lang="da-DK" smtClean="0"/>
              <a:pPr>
                <a:spcAft>
                  <a:spcPts val="800"/>
                </a:spcAft>
              </a:pPr>
              <a:t>31. januar 2021</a:t>
            </a:fld>
            <a:endParaRPr lang="en-GB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1598076B-0E67-431D-9504-42EC45F18BCB}"/>
              </a:ext>
            </a:extLst>
          </p:cNvPr>
          <p:cNvSpPr txBox="1"/>
          <p:nvPr/>
        </p:nvSpPr>
        <p:spPr>
          <a:xfrm>
            <a:off x="997285" y="4149081"/>
            <a:ext cx="4858688" cy="9543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867" dirty="0"/>
              <a:t>Blog: </a:t>
            </a:r>
            <a:r>
              <a:rPr lang="da-DK" sz="1867" dirty="0">
                <a:hlinkClick r:id="rId6"/>
              </a:rPr>
              <a:t>http://hippasus.com/blog/</a:t>
            </a:r>
            <a:endParaRPr lang="da-DK" sz="1867" dirty="0"/>
          </a:p>
          <a:p>
            <a:r>
              <a:rPr lang="da-DK" sz="1867" dirty="0"/>
              <a:t>SAMR Model </a:t>
            </a:r>
            <a:r>
              <a:rPr lang="da-DK" sz="1867" dirty="0" err="1"/>
              <a:t>Explained</a:t>
            </a:r>
            <a:r>
              <a:rPr lang="da-DK" sz="1867" dirty="0"/>
              <a:t> by </a:t>
            </a:r>
            <a:r>
              <a:rPr lang="da-DK" sz="1867" dirty="0" err="1"/>
              <a:t>Puentedura</a:t>
            </a:r>
            <a:r>
              <a:rPr lang="da-DK" sz="1867" dirty="0"/>
              <a:t>:</a:t>
            </a:r>
            <a:r>
              <a:rPr lang="en-US" sz="1867" dirty="0">
                <a:hlinkClick r:id="rId7"/>
              </a:rPr>
              <a:t>https://youtu.be/_QOsz4AaZ2k</a:t>
            </a:r>
            <a:endParaRPr lang="en-US" sz="1867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2681460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11" name="Rectangle 10">
            <a:extLst>
              <a:ext uri="{FF2B5EF4-FFF2-40B4-BE49-F238E27FC236}">
                <a16:creationId xmlns:a16="http://schemas.microsoft.com/office/drawing/2014/main" id="{B95B9BA8-1D69-4796-85F5-B6D0BD52354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5F892E19-92E7-4BB2-8C3F-DBDFE8D9D32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>
            <a:off x="-2" y="-1"/>
            <a:ext cx="4581527" cy="6858002"/>
            <a:chOff x="-2" y="-1"/>
            <a:chExt cx="4581527" cy="6858002"/>
          </a:xfrm>
          <a:effectLst>
            <a:outerShdw blurRad="381000" dist="50800" algn="ctr" rotWithShape="0">
              <a:srgbClr val="000000">
                <a:alpha val="10000"/>
              </a:srgbClr>
            </a:outerShdw>
          </a:effectLst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1E493D3-31D9-4B80-9798-EEA082E12A84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Grp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GrpSpPr>
          <p:grpSpPr>
            <a:xfrm>
              <a:off x="-2" y="-1"/>
              <a:ext cx="4572002" cy="6858002"/>
              <a:chOff x="-2" y="-1"/>
              <a:chExt cx="4572002" cy="6858002"/>
            </a:xfrm>
            <a:effectLst/>
          </p:grpSpPr>
          <p:sp>
            <p:nvSpPr>
              <p:cNvPr id="22" name="Freeform: Shape 21">
                <a:extLst>
                  <a:ext uri="{FF2B5EF4-FFF2-40B4-BE49-F238E27FC236}">
                    <a16:creationId xmlns:a16="http://schemas.microsoft.com/office/drawing/2014/main" id="{62E6AA4D-EC17-45B5-B621-DF0FD91FD4BF}"/>
                  </a:ex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SpPr/>
              <p:nvPr>
                <p:extLst>
                  <p:ext uri="{386F3935-93C4-4BCD-93E2-E3B085C9AB24}">
                    <p16:designElem xmlns:p16="http://schemas.microsoft.com/office/powerpoint/2015/main" val="1"/>
                  </p:ext>
                </p:extLst>
              </p:nvPr>
            </p:nvSpPr>
            <p:spPr>
              <a:xfrm>
                <a:off x="-2" y="-1"/>
                <a:ext cx="4572002" cy="6858002"/>
              </a:xfrm>
              <a:custGeom>
                <a:avLst/>
                <a:gdLst>
                  <a:gd name="connsiteX0" fmla="*/ 4214994 w 4572002"/>
                  <a:gd name="connsiteY0" fmla="*/ 6564620 h 6858002"/>
                  <a:gd name="connsiteX1" fmla="*/ 4214994 w 4572002"/>
                  <a:gd name="connsiteY1" fmla="*/ 6564621 h 6858002"/>
                  <a:gd name="connsiteX2" fmla="*/ 4237474 w 4572002"/>
                  <a:gd name="connsiteY2" fmla="*/ 6588626 h 6858002"/>
                  <a:gd name="connsiteX3" fmla="*/ 4254096 w 4572002"/>
                  <a:gd name="connsiteY3" fmla="*/ 6625225 h 6858002"/>
                  <a:gd name="connsiteX4" fmla="*/ 4247001 w 4572002"/>
                  <a:gd name="connsiteY4" fmla="*/ 6662540 h 6858002"/>
                  <a:gd name="connsiteX5" fmla="*/ 4247000 w 4572002"/>
                  <a:gd name="connsiteY5" fmla="*/ 6662541 h 6858002"/>
                  <a:gd name="connsiteX6" fmla="*/ 4246999 w 4572002"/>
                  <a:gd name="connsiteY6" fmla="*/ 6662544 h 6858002"/>
                  <a:gd name="connsiteX7" fmla="*/ 4235550 w 4572002"/>
                  <a:gd name="connsiteY7" fmla="*/ 6683027 h 6858002"/>
                  <a:gd name="connsiteX8" fmla="*/ 4232403 w 4572002"/>
                  <a:gd name="connsiteY8" fmla="*/ 6702976 h 6858002"/>
                  <a:gd name="connsiteX9" fmla="*/ 4232403 w 4572002"/>
                  <a:gd name="connsiteY9" fmla="*/ 6702977 h 6858002"/>
                  <a:gd name="connsiteX10" fmla="*/ 4246238 w 4572002"/>
                  <a:gd name="connsiteY10" fmla="*/ 6742553 h 6858002"/>
                  <a:gd name="connsiteX11" fmla="*/ 4246239 w 4572002"/>
                  <a:gd name="connsiteY11" fmla="*/ 6742555 h 6858002"/>
                  <a:gd name="connsiteX12" fmla="*/ 4265716 w 4572002"/>
                  <a:gd name="connsiteY12" fmla="*/ 6812062 h 6858002"/>
                  <a:gd name="connsiteX13" fmla="*/ 4265717 w 4572002"/>
                  <a:gd name="connsiteY13" fmla="*/ 6812064 h 6858002"/>
                  <a:gd name="connsiteX14" fmla="*/ 4265717 w 4572002"/>
                  <a:gd name="connsiteY14" fmla="*/ 6812063 h 6858002"/>
                  <a:gd name="connsiteX15" fmla="*/ 4265716 w 4572002"/>
                  <a:gd name="connsiteY15" fmla="*/ 6812062 h 6858002"/>
                  <a:gd name="connsiteX16" fmla="*/ 4260942 w 4572002"/>
                  <a:gd name="connsiteY16" fmla="*/ 6776800 h 6858002"/>
                  <a:gd name="connsiteX17" fmla="*/ 4246239 w 4572002"/>
                  <a:gd name="connsiteY17" fmla="*/ 6742555 h 6858002"/>
                  <a:gd name="connsiteX18" fmla="*/ 4246238 w 4572002"/>
                  <a:gd name="connsiteY18" fmla="*/ 6742552 h 6858002"/>
                  <a:gd name="connsiteX19" fmla="*/ 4232403 w 4572002"/>
                  <a:gd name="connsiteY19" fmla="*/ 6702976 h 6858002"/>
                  <a:gd name="connsiteX20" fmla="*/ 4246999 w 4572002"/>
                  <a:gd name="connsiteY20" fmla="*/ 6662544 h 6858002"/>
                  <a:gd name="connsiteX21" fmla="*/ 4247000 w 4572002"/>
                  <a:gd name="connsiteY21" fmla="*/ 6662542 h 6858002"/>
                  <a:gd name="connsiteX22" fmla="*/ 4247001 w 4572002"/>
                  <a:gd name="connsiteY22" fmla="*/ 6662540 h 6858002"/>
                  <a:gd name="connsiteX23" fmla="*/ 4254084 w 4572002"/>
                  <a:gd name="connsiteY23" fmla="*/ 6645552 h 6858002"/>
                  <a:gd name="connsiteX24" fmla="*/ 4254096 w 4572002"/>
                  <a:gd name="connsiteY24" fmla="*/ 6625225 h 6858002"/>
                  <a:gd name="connsiteX25" fmla="*/ 4254096 w 4572002"/>
                  <a:gd name="connsiteY25" fmla="*/ 6625224 h 6858002"/>
                  <a:gd name="connsiteX26" fmla="*/ 4237474 w 4572002"/>
                  <a:gd name="connsiteY26" fmla="*/ 6588625 h 6858002"/>
                  <a:gd name="connsiteX27" fmla="*/ 4295315 w 4572002"/>
                  <a:gd name="connsiteY27" fmla="*/ 6438981 h 6858002"/>
                  <a:gd name="connsiteX28" fmla="*/ 4275385 w 4572002"/>
                  <a:gd name="connsiteY28" fmla="*/ 6463840 h 6858002"/>
                  <a:gd name="connsiteX29" fmla="*/ 4275382 w 4572002"/>
                  <a:gd name="connsiteY29" fmla="*/ 6463849 h 6858002"/>
                  <a:gd name="connsiteX30" fmla="*/ 4261587 w 4572002"/>
                  <a:gd name="connsiteY30" fmla="*/ 6513012 h 6858002"/>
                  <a:gd name="connsiteX31" fmla="*/ 4242781 w 4572002"/>
                  <a:gd name="connsiteY31" fmla="*/ 6546194 h 6858002"/>
                  <a:gd name="connsiteX32" fmla="*/ 4242781 w 4572002"/>
                  <a:gd name="connsiteY32" fmla="*/ 6546195 h 6858002"/>
                  <a:gd name="connsiteX33" fmla="*/ 4259120 w 4572002"/>
                  <a:gd name="connsiteY33" fmla="*/ 6521804 h 6858002"/>
                  <a:gd name="connsiteX34" fmla="*/ 4261587 w 4572002"/>
                  <a:gd name="connsiteY34" fmla="*/ 6513012 h 6858002"/>
                  <a:gd name="connsiteX35" fmla="*/ 4264398 w 4572002"/>
                  <a:gd name="connsiteY35" fmla="*/ 6508052 h 6858002"/>
                  <a:gd name="connsiteX36" fmla="*/ 4275382 w 4572002"/>
                  <a:gd name="connsiteY36" fmla="*/ 6463849 h 6858002"/>
                  <a:gd name="connsiteX37" fmla="*/ 4275385 w 4572002"/>
                  <a:gd name="connsiteY37" fmla="*/ 6463841 h 6858002"/>
                  <a:gd name="connsiteX38" fmla="*/ 4295315 w 4572002"/>
                  <a:gd name="connsiteY38" fmla="*/ 6438981 h 6858002"/>
                  <a:gd name="connsiteX39" fmla="*/ 4381289 w 4572002"/>
                  <a:gd name="connsiteY39" fmla="*/ 6365204 h 6858002"/>
                  <a:gd name="connsiteX40" fmla="*/ 4380008 w 4572002"/>
                  <a:gd name="connsiteY40" fmla="*/ 6387910 h 6858002"/>
                  <a:gd name="connsiteX41" fmla="*/ 4378243 w 4572002"/>
                  <a:gd name="connsiteY41" fmla="*/ 6391549 h 6858002"/>
                  <a:gd name="connsiteX42" fmla="*/ 4370589 w 4572002"/>
                  <a:gd name="connsiteY42" fmla="*/ 6407332 h 6858002"/>
                  <a:gd name="connsiteX43" fmla="*/ 4370589 w 4572002"/>
                  <a:gd name="connsiteY43" fmla="*/ 6407333 h 6858002"/>
                  <a:gd name="connsiteX44" fmla="*/ 4378243 w 4572002"/>
                  <a:gd name="connsiteY44" fmla="*/ 6391549 h 6858002"/>
                  <a:gd name="connsiteX45" fmla="*/ 4380008 w 4572002"/>
                  <a:gd name="connsiteY45" fmla="*/ 6387910 h 6858002"/>
                  <a:gd name="connsiteX46" fmla="*/ 4142220 w 4572002"/>
                  <a:gd name="connsiteY46" fmla="*/ 4221391 h 6858002"/>
                  <a:gd name="connsiteX47" fmla="*/ 4142220 w 4572002"/>
                  <a:gd name="connsiteY47" fmla="*/ 4221392 h 6858002"/>
                  <a:gd name="connsiteX48" fmla="*/ 4147936 w 4572002"/>
                  <a:gd name="connsiteY48" fmla="*/ 4253015 h 6858002"/>
                  <a:gd name="connsiteX49" fmla="*/ 4187752 w 4572002"/>
                  <a:gd name="connsiteY49" fmla="*/ 4324646 h 6858002"/>
                  <a:gd name="connsiteX50" fmla="*/ 4196706 w 4572002"/>
                  <a:gd name="connsiteY50" fmla="*/ 4363891 h 6858002"/>
                  <a:gd name="connsiteX51" fmla="*/ 4195944 w 4572002"/>
                  <a:gd name="connsiteY51" fmla="*/ 4482004 h 6858002"/>
                  <a:gd name="connsiteX52" fmla="*/ 4135934 w 4572002"/>
                  <a:gd name="connsiteY52" fmla="*/ 4659174 h 6858002"/>
                  <a:gd name="connsiteX53" fmla="*/ 4127932 w 4572002"/>
                  <a:gd name="connsiteY53" fmla="*/ 4677655 h 6858002"/>
                  <a:gd name="connsiteX54" fmla="*/ 4118025 w 4572002"/>
                  <a:gd name="connsiteY54" fmla="*/ 4767764 h 6858002"/>
                  <a:gd name="connsiteX55" fmla="*/ 4116716 w 4572002"/>
                  <a:gd name="connsiteY55" fmla="*/ 4800483 h 6858002"/>
                  <a:gd name="connsiteX56" fmla="*/ 4116716 w 4572002"/>
                  <a:gd name="connsiteY56" fmla="*/ 4800484 h 6858002"/>
                  <a:gd name="connsiteX57" fmla="*/ 4131552 w 4572002"/>
                  <a:gd name="connsiteY57" fmla="*/ 4828917 h 6858002"/>
                  <a:gd name="connsiteX58" fmla="*/ 4153733 w 4572002"/>
                  <a:gd name="connsiteY58" fmla="*/ 4863343 h 6858002"/>
                  <a:gd name="connsiteX59" fmla="*/ 4161262 w 4572002"/>
                  <a:gd name="connsiteY59" fmla="*/ 4889275 h 6858002"/>
                  <a:gd name="connsiteX60" fmla="*/ 4159557 w 4572002"/>
                  <a:gd name="connsiteY60" fmla="*/ 4912168 h 6858002"/>
                  <a:gd name="connsiteX61" fmla="*/ 4158155 w 4572002"/>
                  <a:gd name="connsiteY61" fmla="*/ 4933804 h 6858002"/>
                  <a:gd name="connsiteX62" fmla="*/ 4158155 w 4572002"/>
                  <a:gd name="connsiteY62" fmla="*/ 4933805 h 6858002"/>
                  <a:gd name="connsiteX63" fmla="*/ 4162914 w 4572002"/>
                  <a:gd name="connsiteY63" fmla="*/ 4952673 h 6858002"/>
                  <a:gd name="connsiteX64" fmla="*/ 4165707 w 4572002"/>
                  <a:gd name="connsiteY64" fmla="*/ 4957454 h 6858002"/>
                  <a:gd name="connsiteX65" fmla="*/ 4166985 w 4572002"/>
                  <a:gd name="connsiteY65" fmla="*/ 4961456 h 6858002"/>
                  <a:gd name="connsiteX66" fmla="*/ 4182989 w 4572002"/>
                  <a:gd name="connsiteY66" fmla="*/ 4987038 h 6858002"/>
                  <a:gd name="connsiteX67" fmla="*/ 4209468 w 4572002"/>
                  <a:gd name="connsiteY67" fmla="*/ 5041522 h 6858002"/>
                  <a:gd name="connsiteX68" fmla="*/ 4216684 w 4572002"/>
                  <a:gd name="connsiteY68" fmla="*/ 5072376 h 6858002"/>
                  <a:gd name="connsiteX69" fmla="*/ 4222587 w 4572002"/>
                  <a:gd name="connsiteY69" fmla="*/ 5087441 h 6858002"/>
                  <a:gd name="connsiteX70" fmla="*/ 4235615 w 4572002"/>
                  <a:gd name="connsiteY70" fmla="*/ 5133220 h 6858002"/>
                  <a:gd name="connsiteX71" fmla="*/ 4235616 w 4572002"/>
                  <a:gd name="connsiteY71" fmla="*/ 5133225 h 6858002"/>
                  <a:gd name="connsiteX72" fmla="*/ 4228901 w 4572002"/>
                  <a:gd name="connsiteY72" fmla="*/ 5166113 h 6858002"/>
                  <a:gd name="connsiteX73" fmla="*/ 4228901 w 4572002"/>
                  <a:gd name="connsiteY73" fmla="*/ 5166114 h 6858002"/>
                  <a:gd name="connsiteX74" fmla="*/ 4229593 w 4572002"/>
                  <a:gd name="connsiteY74" fmla="*/ 5172091 h 6858002"/>
                  <a:gd name="connsiteX75" fmla="*/ 4232139 w 4572002"/>
                  <a:gd name="connsiteY75" fmla="*/ 5179068 h 6858002"/>
                  <a:gd name="connsiteX76" fmla="*/ 4231973 w 4572002"/>
                  <a:gd name="connsiteY76" fmla="*/ 5229434 h 6858002"/>
                  <a:gd name="connsiteX77" fmla="*/ 4225669 w 4572002"/>
                  <a:gd name="connsiteY77" fmla="*/ 5241089 h 6858002"/>
                  <a:gd name="connsiteX78" fmla="*/ 4208517 w 4572002"/>
                  <a:gd name="connsiteY78" fmla="*/ 5272796 h 6858002"/>
                  <a:gd name="connsiteX79" fmla="*/ 4184613 w 4572002"/>
                  <a:gd name="connsiteY79" fmla="*/ 5312288 h 6858002"/>
                  <a:gd name="connsiteX80" fmla="*/ 4183557 w 4572002"/>
                  <a:gd name="connsiteY80" fmla="*/ 5321350 h 6858002"/>
                  <a:gd name="connsiteX81" fmla="*/ 4181083 w 4572002"/>
                  <a:gd name="connsiteY81" fmla="*/ 5326163 h 6858002"/>
                  <a:gd name="connsiteX82" fmla="*/ 4179637 w 4572002"/>
                  <a:gd name="connsiteY82" fmla="*/ 5355014 h 6858002"/>
                  <a:gd name="connsiteX83" fmla="*/ 4179637 w 4572002"/>
                  <a:gd name="connsiteY83" fmla="*/ 5355015 h 6858002"/>
                  <a:gd name="connsiteX84" fmla="*/ 4184513 w 4572002"/>
                  <a:gd name="connsiteY84" fmla="*/ 5385385 h 6858002"/>
                  <a:gd name="connsiteX85" fmla="*/ 4192704 w 4572002"/>
                  <a:gd name="connsiteY85" fmla="*/ 5425583 h 6858002"/>
                  <a:gd name="connsiteX86" fmla="*/ 4204327 w 4572002"/>
                  <a:gd name="connsiteY86" fmla="*/ 5480638 h 6858002"/>
                  <a:gd name="connsiteX87" fmla="*/ 4208850 w 4572002"/>
                  <a:gd name="connsiteY87" fmla="*/ 5507668 h 6858002"/>
                  <a:gd name="connsiteX88" fmla="*/ 4198232 w 4572002"/>
                  <a:gd name="connsiteY88" fmla="*/ 5531692 h 6858002"/>
                  <a:gd name="connsiteX89" fmla="*/ 4198231 w 4572002"/>
                  <a:gd name="connsiteY89" fmla="*/ 5531693 h 6858002"/>
                  <a:gd name="connsiteX90" fmla="*/ 4188085 w 4572002"/>
                  <a:gd name="connsiteY90" fmla="*/ 5547578 h 6858002"/>
                  <a:gd name="connsiteX91" fmla="*/ 4188085 w 4572002"/>
                  <a:gd name="connsiteY91" fmla="*/ 5547579 h 6858002"/>
                  <a:gd name="connsiteX92" fmla="*/ 4197659 w 4572002"/>
                  <a:gd name="connsiteY92" fmla="*/ 5562747 h 6858002"/>
                  <a:gd name="connsiteX93" fmla="*/ 4268907 w 4572002"/>
                  <a:gd name="connsiteY93" fmla="*/ 5704484 h 6858002"/>
                  <a:gd name="connsiteX94" fmla="*/ 4274812 w 4572002"/>
                  <a:gd name="connsiteY94" fmla="*/ 5740489 h 6858002"/>
                  <a:gd name="connsiteX95" fmla="*/ 4283578 w 4572002"/>
                  <a:gd name="connsiteY95" fmla="*/ 5760874 h 6858002"/>
                  <a:gd name="connsiteX96" fmla="*/ 4371973 w 4572002"/>
                  <a:gd name="connsiteY96" fmla="*/ 5883752 h 6858002"/>
                  <a:gd name="connsiteX97" fmla="*/ 4371974 w 4572002"/>
                  <a:gd name="connsiteY97" fmla="*/ 5883757 h 6858002"/>
                  <a:gd name="connsiteX98" fmla="*/ 4389877 w 4572002"/>
                  <a:gd name="connsiteY98" fmla="*/ 5935946 h 6858002"/>
                  <a:gd name="connsiteX99" fmla="*/ 4389878 w 4572002"/>
                  <a:gd name="connsiteY99" fmla="*/ 5935950 h 6858002"/>
                  <a:gd name="connsiteX100" fmla="*/ 4386259 w 4572002"/>
                  <a:gd name="connsiteY100" fmla="*/ 5993290 h 6858002"/>
                  <a:gd name="connsiteX101" fmla="*/ 4386259 w 4572002"/>
                  <a:gd name="connsiteY101" fmla="*/ 5993291 h 6858002"/>
                  <a:gd name="connsiteX102" fmla="*/ 4379782 w 4572002"/>
                  <a:gd name="connsiteY102" fmla="*/ 6026440 h 6858002"/>
                  <a:gd name="connsiteX103" fmla="*/ 4323583 w 4572002"/>
                  <a:gd name="connsiteY103" fmla="*/ 6108738 h 6858002"/>
                  <a:gd name="connsiteX104" fmla="*/ 4309890 w 4572002"/>
                  <a:gd name="connsiteY104" fmla="*/ 6133314 h 6858002"/>
                  <a:gd name="connsiteX105" fmla="*/ 4309890 w 4572002"/>
                  <a:gd name="connsiteY105" fmla="*/ 6133315 h 6858002"/>
                  <a:gd name="connsiteX106" fmla="*/ 4313591 w 4572002"/>
                  <a:gd name="connsiteY106" fmla="*/ 6143190 h 6858002"/>
                  <a:gd name="connsiteX107" fmla="*/ 4325486 w 4572002"/>
                  <a:gd name="connsiteY107" fmla="*/ 6155600 h 6858002"/>
                  <a:gd name="connsiteX108" fmla="*/ 4325488 w 4572002"/>
                  <a:gd name="connsiteY108" fmla="*/ 6155603 h 6858002"/>
                  <a:gd name="connsiteX109" fmla="*/ 4364160 w 4572002"/>
                  <a:gd name="connsiteY109" fmla="*/ 6228757 h 6858002"/>
                  <a:gd name="connsiteX110" fmla="*/ 4381497 w 4572002"/>
                  <a:gd name="connsiteY110" fmla="*/ 6361540 h 6858002"/>
                  <a:gd name="connsiteX111" fmla="*/ 4381497 w 4572002"/>
                  <a:gd name="connsiteY111" fmla="*/ 6361539 h 6858002"/>
                  <a:gd name="connsiteX112" fmla="*/ 4364160 w 4572002"/>
                  <a:gd name="connsiteY112" fmla="*/ 6228756 h 6858002"/>
                  <a:gd name="connsiteX113" fmla="*/ 4325488 w 4572002"/>
                  <a:gd name="connsiteY113" fmla="*/ 6155602 h 6858002"/>
                  <a:gd name="connsiteX114" fmla="*/ 4325486 w 4572002"/>
                  <a:gd name="connsiteY114" fmla="*/ 6155600 h 6858002"/>
                  <a:gd name="connsiteX115" fmla="*/ 4309890 w 4572002"/>
                  <a:gd name="connsiteY115" fmla="*/ 6133315 h 6858002"/>
                  <a:gd name="connsiteX116" fmla="*/ 4323583 w 4572002"/>
                  <a:gd name="connsiteY116" fmla="*/ 6108739 h 6858002"/>
                  <a:gd name="connsiteX117" fmla="*/ 4379782 w 4572002"/>
                  <a:gd name="connsiteY117" fmla="*/ 6026441 h 6858002"/>
                  <a:gd name="connsiteX118" fmla="*/ 4386259 w 4572002"/>
                  <a:gd name="connsiteY118" fmla="*/ 5993292 h 6858002"/>
                  <a:gd name="connsiteX119" fmla="*/ 4386259 w 4572002"/>
                  <a:gd name="connsiteY119" fmla="*/ 5993290 h 6858002"/>
                  <a:gd name="connsiteX120" fmla="*/ 4389712 w 4572002"/>
                  <a:gd name="connsiteY120" fmla="*/ 5964477 h 6858002"/>
                  <a:gd name="connsiteX121" fmla="*/ 4389878 w 4572002"/>
                  <a:gd name="connsiteY121" fmla="*/ 5935950 h 6858002"/>
                  <a:gd name="connsiteX122" fmla="*/ 4389878 w 4572002"/>
                  <a:gd name="connsiteY122" fmla="*/ 5935949 h 6858002"/>
                  <a:gd name="connsiteX123" fmla="*/ 4389877 w 4572002"/>
                  <a:gd name="connsiteY123" fmla="*/ 5935946 h 6858002"/>
                  <a:gd name="connsiteX124" fmla="*/ 4382997 w 4572002"/>
                  <a:gd name="connsiteY124" fmla="*/ 5909351 h 6858002"/>
                  <a:gd name="connsiteX125" fmla="*/ 4371974 w 4572002"/>
                  <a:gd name="connsiteY125" fmla="*/ 5883757 h 6858002"/>
                  <a:gd name="connsiteX126" fmla="*/ 4371973 w 4572002"/>
                  <a:gd name="connsiteY126" fmla="*/ 5883751 h 6858002"/>
                  <a:gd name="connsiteX127" fmla="*/ 4283578 w 4572002"/>
                  <a:gd name="connsiteY127" fmla="*/ 5760873 h 6858002"/>
                  <a:gd name="connsiteX128" fmla="*/ 4274812 w 4572002"/>
                  <a:gd name="connsiteY128" fmla="*/ 5740488 h 6858002"/>
                  <a:gd name="connsiteX129" fmla="*/ 4268907 w 4572002"/>
                  <a:gd name="connsiteY129" fmla="*/ 5704483 h 6858002"/>
                  <a:gd name="connsiteX130" fmla="*/ 4197659 w 4572002"/>
                  <a:gd name="connsiteY130" fmla="*/ 5562746 h 6858002"/>
                  <a:gd name="connsiteX131" fmla="*/ 4188085 w 4572002"/>
                  <a:gd name="connsiteY131" fmla="*/ 5547578 h 6858002"/>
                  <a:gd name="connsiteX132" fmla="*/ 4198231 w 4572002"/>
                  <a:gd name="connsiteY132" fmla="*/ 5531694 h 6858002"/>
                  <a:gd name="connsiteX133" fmla="*/ 4198232 w 4572002"/>
                  <a:gd name="connsiteY133" fmla="*/ 5531692 h 6858002"/>
                  <a:gd name="connsiteX134" fmla="*/ 4206630 w 4572002"/>
                  <a:gd name="connsiteY134" fmla="*/ 5520422 h 6858002"/>
                  <a:gd name="connsiteX135" fmla="*/ 4208850 w 4572002"/>
                  <a:gd name="connsiteY135" fmla="*/ 5507668 h 6858002"/>
                  <a:gd name="connsiteX136" fmla="*/ 4208850 w 4572002"/>
                  <a:gd name="connsiteY136" fmla="*/ 5507667 h 6858002"/>
                  <a:gd name="connsiteX137" fmla="*/ 4204327 w 4572002"/>
                  <a:gd name="connsiteY137" fmla="*/ 5480637 h 6858002"/>
                  <a:gd name="connsiteX138" fmla="*/ 4192704 w 4572002"/>
                  <a:gd name="connsiteY138" fmla="*/ 5425582 h 6858002"/>
                  <a:gd name="connsiteX139" fmla="*/ 4184513 w 4572002"/>
                  <a:gd name="connsiteY139" fmla="*/ 5385384 h 6858002"/>
                  <a:gd name="connsiteX140" fmla="*/ 4179637 w 4572002"/>
                  <a:gd name="connsiteY140" fmla="*/ 5355014 h 6858002"/>
                  <a:gd name="connsiteX141" fmla="*/ 4183557 w 4572002"/>
                  <a:gd name="connsiteY141" fmla="*/ 5321350 h 6858002"/>
                  <a:gd name="connsiteX142" fmla="*/ 4208517 w 4572002"/>
                  <a:gd name="connsiteY142" fmla="*/ 5272797 h 6858002"/>
                  <a:gd name="connsiteX143" fmla="*/ 4225669 w 4572002"/>
                  <a:gd name="connsiteY143" fmla="*/ 5241089 h 6858002"/>
                  <a:gd name="connsiteX144" fmla="*/ 4231973 w 4572002"/>
                  <a:gd name="connsiteY144" fmla="*/ 5229433 h 6858002"/>
                  <a:gd name="connsiteX145" fmla="*/ 4232139 w 4572002"/>
                  <a:gd name="connsiteY145" fmla="*/ 5179068 h 6858002"/>
                  <a:gd name="connsiteX146" fmla="*/ 4232139 w 4572002"/>
                  <a:gd name="connsiteY146" fmla="*/ 5179067 h 6858002"/>
                  <a:gd name="connsiteX147" fmla="*/ 4229593 w 4572002"/>
                  <a:gd name="connsiteY147" fmla="*/ 5172090 h 6858002"/>
                  <a:gd name="connsiteX148" fmla="*/ 4228901 w 4572002"/>
                  <a:gd name="connsiteY148" fmla="*/ 5166114 h 6858002"/>
                  <a:gd name="connsiteX149" fmla="*/ 4235616 w 4572002"/>
                  <a:gd name="connsiteY149" fmla="*/ 5133225 h 6858002"/>
                  <a:gd name="connsiteX150" fmla="*/ 4235616 w 4572002"/>
                  <a:gd name="connsiteY150" fmla="*/ 5133224 h 6858002"/>
                  <a:gd name="connsiteX151" fmla="*/ 4235615 w 4572002"/>
                  <a:gd name="connsiteY151" fmla="*/ 5133220 h 6858002"/>
                  <a:gd name="connsiteX152" fmla="*/ 4228473 w 4572002"/>
                  <a:gd name="connsiteY152" fmla="*/ 5102461 h 6858002"/>
                  <a:gd name="connsiteX153" fmla="*/ 4222587 w 4572002"/>
                  <a:gd name="connsiteY153" fmla="*/ 5087441 h 6858002"/>
                  <a:gd name="connsiteX154" fmla="*/ 4222582 w 4572002"/>
                  <a:gd name="connsiteY154" fmla="*/ 5087423 h 6858002"/>
                  <a:gd name="connsiteX155" fmla="*/ 4209468 w 4572002"/>
                  <a:gd name="connsiteY155" fmla="*/ 5041521 h 6858002"/>
                  <a:gd name="connsiteX156" fmla="*/ 4182989 w 4572002"/>
                  <a:gd name="connsiteY156" fmla="*/ 4987037 h 6858002"/>
                  <a:gd name="connsiteX157" fmla="*/ 4165707 w 4572002"/>
                  <a:gd name="connsiteY157" fmla="*/ 4957454 h 6858002"/>
                  <a:gd name="connsiteX158" fmla="*/ 4158155 w 4572002"/>
                  <a:gd name="connsiteY158" fmla="*/ 4933805 h 6858002"/>
                  <a:gd name="connsiteX159" fmla="*/ 4159557 w 4572002"/>
                  <a:gd name="connsiteY159" fmla="*/ 4912169 h 6858002"/>
                  <a:gd name="connsiteX160" fmla="*/ 4161262 w 4572002"/>
                  <a:gd name="connsiteY160" fmla="*/ 4889276 h 6858002"/>
                  <a:gd name="connsiteX161" fmla="*/ 4161262 w 4572002"/>
                  <a:gd name="connsiteY161" fmla="*/ 4889275 h 6858002"/>
                  <a:gd name="connsiteX162" fmla="*/ 4156484 w 4572002"/>
                  <a:gd name="connsiteY162" fmla="*/ 4867614 h 6858002"/>
                  <a:gd name="connsiteX163" fmla="*/ 4153733 w 4572002"/>
                  <a:gd name="connsiteY163" fmla="*/ 4863343 h 6858002"/>
                  <a:gd name="connsiteX164" fmla="*/ 4151983 w 4572002"/>
                  <a:gd name="connsiteY164" fmla="*/ 4857317 h 6858002"/>
                  <a:gd name="connsiteX165" fmla="*/ 4131552 w 4572002"/>
                  <a:gd name="connsiteY165" fmla="*/ 4828916 h 6858002"/>
                  <a:gd name="connsiteX166" fmla="*/ 4116716 w 4572002"/>
                  <a:gd name="connsiteY166" fmla="*/ 4800483 h 6858002"/>
                  <a:gd name="connsiteX167" fmla="*/ 4118025 w 4572002"/>
                  <a:gd name="connsiteY167" fmla="*/ 4767765 h 6858002"/>
                  <a:gd name="connsiteX168" fmla="*/ 4127932 w 4572002"/>
                  <a:gd name="connsiteY168" fmla="*/ 4677656 h 6858002"/>
                  <a:gd name="connsiteX169" fmla="*/ 4135934 w 4572002"/>
                  <a:gd name="connsiteY169" fmla="*/ 4659175 h 6858002"/>
                  <a:gd name="connsiteX170" fmla="*/ 4195944 w 4572002"/>
                  <a:gd name="connsiteY170" fmla="*/ 4482005 h 6858002"/>
                  <a:gd name="connsiteX171" fmla="*/ 4196706 w 4572002"/>
                  <a:gd name="connsiteY171" fmla="*/ 4363891 h 6858002"/>
                  <a:gd name="connsiteX172" fmla="*/ 4196706 w 4572002"/>
                  <a:gd name="connsiteY172" fmla="*/ 4363890 h 6858002"/>
                  <a:gd name="connsiteX173" fmla="*/ 4187752 w 4572002"/>
                  <a:gd name="connsiteY173" fmla="*/ 4324645 h 6858002"/>
                  <a:gd name="connsiteX174" fmla="*/ 4147936 w 4572002"/>
                  <a:gd name="connsiteY174" fmla="*/ 4253014 h 6858002"/>
                  <a:gd name="connsiteX175" fmla="*/ 4211111 w 4572002"/>
                  <a:gd name="connsiteY175" fmla="*/ 2836172 h 6858002"/>
                  <a:gd name="connsiteX176" fmla="*/ 4202421 w 4572002"/>
                  <a:gd name="connsiteY176" fmla="*/ 2848793 h 6858002"/>
                  <a:gd name="connsiteX177" fmla="*/ 4186816 w 4572002"/>
                  <a:gd name="connsiteY177" fmla="*/ 2897785 h 6858002"/>
                  <a:gd name="connsiteX178" fmla="*/ 4185787 w 4572002"/>
                  <a:gd name="connsiteY178" fmla="*/ 2903551 h 6858002"/>
                  <a:gd name="connsiteX179" fmla="*/ 4182513 w 4572002"/>
                  <a:gd name="connsiteY179" fmla="*/ 2914328 h 6858002"/>
                  <a:gd name="connsiteX180" fmla="*/ 4177882 w 4572002"/>
                  <a:gd name="connsiteY180" fmla="*/ 2947858 h 6858002"/>
                  <a:gd name="connsiteX181" fmla="*/ 4177881 w 4572002"/>
                  <a:gd name="connsiteY181" fmla="*/ 2947862 h 6858002"/>
                  <a:gd name="connsiteX182" fmla="*/ 4177881 w 4572002"/>
                  <a:gd name="connsiteY182" fmla="*/ 2947863 h 6858002"/>
                  <a:gd name="connsiteX183" fmla="*/ 4181465 w 4572002"/>
                  <a:gd name="connsiteY183" fmla="*/ 2982149 h 6858002"/>
                  <a:gd name="connsiteX184" fmla="*/ 4193158 w 4572002"/>
                  <a:gd name="connsiteY184" fmla="*/ 3077402 h 6858002"/>
                  <a:gd name="connsiteX185" fmla="*/ 4180703 w 4572002"/>
                  <a:gd name="connsiteY185" fmla="*/ 3172654 h 6858002"/>
                  <a:gd name="connsiteX186" fmla="*/ 4133076 w 4572002"/>
                  <a:gd name="connsiteY186" fmla="*/ 3489467 h 6858002"/>
                  <a:gd name="connsiteX187" fmla="*/ 4110977 w 4572002"/>
                  <a:gd name="connsiteY187" fmla="*/ 3544713 h 6858002"/>
                  <a:gd name="connsiteX188" fmla="*/ 4093355 w 4572002"/>
                  <a:gd name="connsiteY188" fmla="*/ 3574408 h 6858002"/>
                  <a:gd name="connsiteX189" fmla="*/ 4093355 w 4572002"/>
                  <a:gd name="connsiteY189" fmla="*/ 3574409 h 6858002"/>
                  <a:gd name="connsiteX190" fmla="*/ 4105453 w 4572002"/>
                  <a:gd name="connsiteY190" fmla="*/ 3606818 h 6858002"/>
                  <a:gd name="connsiteX191" fmla="*/ 4118979 w 4572002"/>
                  <a:gd name="connsiteY191" fmla="*/ 3630633 h 6858002"/>
                  <a:gd name="connsiteX192" fmla="*/ 4136708 w 4572002"/>
                  <a:gd name="connsiteY192" fmla="*/ 3654416 h 6858002"/>
                  <a:gd name="connsiteX193" fmla="*/ 4140382 w 4572002"/>
                  <a:gd name="connsiteY193" fmla="*/ 3668940 h 6858002"/>
                  <a:gd name="connsiteX194" fmla="*/ 4143220 w 4572002"/>
                  <a:gd name="connsiteY194" fmla="*/ 3680164 h 6858002"/>
                  <a:gd name="connsiteX195" fmla="*/ 4139172 w 4572002"/>
                  <a:gd name="connsiteY195" fmla="*/ 3734837 h 6858002"/>
                  <a:gd name="connsiteX196" fmla="*/ 4139172 w 4572002"/>
                  <a:gd name="connsiteY196" fmla="*/ 3734838 h 6858002"/>
                  <a:gd name="connsiteX197" fmla="*/ 4139554 w 4572002"/>
                  <a:gd name="connsiteY197" fmla="*/ 3754653 h 6858002"/>
                  <a:gd name="connsiteX198" fmla="*/ 4145911 w 4572002"/>
                  <a:gd name="connsiteY198" fmla="*/ 3789776 h 6858002"/>
                  <a:gd name="connsiteX199" fmla="*/ 4130980 w 4572002"/>
                  <a:gd name="connsiteY199" fmla="*/ 3822472 h 6858002"/>
                  <a:gd name="connsiteX200" fmla="*/ 4116645 w 4572002"/>
                  <a:gd name="connsiteY200" fmla="*/ 3852619 h 6858002"/>
                  <a:gd name="connsiteX201" fmla="*/ 4116645 w 4572002"/>
                  <a:gd name="connsiteY201" fmla="*/ 3852620 h 6858002"/>
                  <a:gd name="connsiteX202" fmla="*/ 4117425 w 4572002"/>
                  <a:gd name="connsiteY202" fmla="*/ 3868764 h 6858002"/>
                  <a:gd name="connsiteX203" fmla="*/ 4126028 w 4572002"/>
                  <a:gd name="connsiteY203" fmla="*/ 3885337 h 6858002"/>
                  <a:gd name="connsiteX204" fmla="*/ 4126028 w 4572002"/>
                  <a:gd name="connsiteY204" fmla="*/ 3885339 h 6858002"/>
                  <a:gd name="connsiteX205" fmla="*/ 4148409 w 4572002"/>
                  <a:gd name="connsiteY205" fmla="*/ 3923125 h 6858002"/>
                  <a:gd name="connsiteX206" fmla="*/ 4157913 w 4572002"/>
                  <a:gd name="connsiteY206" fmla="*/ 3962160 h 6858002"/>
                  <a:gd name="connsiteX207" fmla="*/ 4142221 w 4572002"/>
                  <a:gd name="connsiteY207" fmla="*/ 4043838 h 6858002"/>
                  <a:gd name="connsiteX208" fmla="*/ 4142220 w 4572002"/>
                  <a:gd name="connsiteY208" fmla="*/ 4043839 h 6858002"/>
                  <a:gd name="connsiteX209" fmla="*/ 4127099 w 4572002"/>
                  <a:gd name="connsiteY209" fmla="*/ 4103825 h 6858002"/>
                  <a:gd name="connsiteX210" fmla="*/ 4127099 w 4572002"/>
                  <a:gd name="connsiteY210" fmla="*/ 4103826 h 6858002"/>
                  <a:gd name="connsiteX211" fmla="*/ 4129066 w 4572002"/>
                  <a:gd name="connsiteY211" fmla="*/ 4134256 h 6858002"/>
                  <a:gd name="connsiteX212" fmla="*/ 4138410 w 4572002"/>
                  <a:gd name="connsiteY212" fmla="*/ 4165382 h 6858002"/>
                  <a:gd name="connsiteX213" fmla="*/ 4138410 w 4572002"/>
                  <a:gd name="connsiteY213" fmla="*/ 4165384 h 6858002"/>
                  <a:gd name="connsiteX214" fmla="*/ 4142315 w 4572002"/>
                  <a:gd name="connsiteY214" fmla="*/ 4192388 h 6858002"/>
                  <a:gd name="connsiteX215" fmla="*/ 4142315 w 4572002"/>
                  <a:gd name="connsiteY215" fmla="*/ 4192387 h 6858002"/>
                  <a:gd name="connsiteX216" fmla="*/ 4138410 w 4572002"/>
                  <a:gd name="connsiteY216" fmla="*/ 4165383 h 6858002"/>
                  <a:gd name="connsiteX217" fmla="*/ 4138410 w 4572002"/>
                  <a:gd name="connsiteY217" fmla="*/ 4165382 h 6858002"/>
                  <a:gd name="connsiteX218" fmla="*/ 4127099 w 4572002"/>
                  <a:gd name="connsiteY218" fmla="*/ 4103826 h 6858002"/>
                  <a:gd name="connsiteX219" fmla="*/ 4142220 w 4572002"/>
                  <a:gd name="connsiteY219" fmla="*/ 4043840 h 6858002"/>
                  <a:gd name="connsiteX220" fmla="*/ 4142221 w 4572002"/>
                  <a:gd name="connsiteY220" fmla="*/ 4043838 h 6858002"/>
                  <a:gd name="connsiteX221" fmla="*/ 4155523 w 4572002"/>
                  <a:gd name="connsiteY221" fmla="*/ 4002410 h 6858002"/>
                  <a:gd name="connsiteX222" fmla="*/ 4157913 w 4572002"/>
                  <a:gd name="connsiteY222" fmla="*/ 3962160 h 6858002"/>
                  <a:gd name="connsiteX223" fmla="*/ 4157913 w 4572002"/>
                  <a:gd name="connsiteY223" fmla="*/ 3962159 h 6858002"/>
                  <a:gd name="connsiteX224" fmla="*/ 4126028 w 4572002"/>
                  <a:gd name="connsiteY224" fmla="*/ 3885338 h 6858002"/>
                  <a:gd name="connsiteX225" fmla="*/ 4126028 w 4572002"/>
                  <a:gd name="connsiteY225" fmla="*/ 3885337 h 6858002"/>
                  <a:gd name="connsiteX226" fmla="*/ 4116645 w 4572002"/>
                  <a:gd name="connsiteY226" fmla="*/ 3852620 h 6858002"/>
                  <a:gd name="connsiteX227" fmla="*/ 4130980 w 4572002"/>
                  <a:gd name="connsiteY227" fmla="*/ 3822473 h 6858002"/>
                  <a:gd name="connsiteX228" fmla="*/ 4145911 w 4572002"/>
                  <a:gd name="connsiteY228" fmla="*/ 3789777 h 6858002"/>
                  <a:gd name="connsiteX229" fmla="*/ 4145911 w 4572002"/>
                  <a:gd name="connsiteY229" fmla="*/ 3789776 h 6858002"/>
                  <a:gd name="connsiteX230" fmla="*/ 4139554 w 4572002"/>
                  <a:gd name="connsiteY230" fmla="*/ 3754652 h 6858002"/>
                  <a:gd name="connsiteX231" fmla="*/ 4139172 w 4572002"/>
                  <a:gd name="connsiteY231" fmla="*/ 3734838 h 6858002"/>
                  <a:gd name="connsiteX232" fmla="*/ 4143220 w 4572002"/>
                  <a:gd name="connsiteY232" fmla="*/ 3680164 h 6858002"/>
                  <a:gd name="connsiteX233" fmla="*/ 4143220 w 4572002"/>
                  <a:gd name="connsiteY233" fmla="*/ 3680163 h 6858002"/>
                  <a:gd name="connsiteX234" fmla="*/ 4140382 w 4572002"/>
                  <a:gd name="connsiteY234" fmla="*/ 3668940 h 6858002"/>
                  <a:gd name="connsiteX235" fmla="*/ 4136708 w 4572002"/>
                  <a:gd name="connsiteY235" fmla="*/ 3654416 h 6858002"/>
                  <a:gd name="connsiteX236" fmla="*/ 4136708 w 4572002"/>
                  <a:gd name="connsiteY236" fmla="*/ 3654416 h 6858002"/>
                  <a:gd name="connsiteX237" fmla="*/ 4136708 w 4572002"/>
                  <a:gd name="connsiteY237" fmla="*/ 3654415 h 6858002"/>
                  <a:gd name="connsiteX238" fmla="*/ 4118979 w 4572002"/>
                  <a:gd name="connsiteY238" fmla="*/ 3630632 h 6858002"/>
                  <a:gd name="connsiteX239" fmla="*/ 4105453 w 4572002"/>
                  <a:gd name="connsiteY239" fmla="*/ 3606817 h 6858002"/>
                  <a:gd name="connsiteX240" fmla="*/ 4095707 w 4572002"/>
                  <a:gd name="connsiteY240" fmla="*/ 3587174 h 6858002"/>
                  <a:gd name="connsiteX241" fmla="*/ 4093355 w 4572002"/>
                  <a:gd name="connsiteY241" fmla="*/ 3574408 h 6858002"/>
                  <a:gd name="connsiteX242" fmla="*/ 4098434 w 4572002"/>
                  <a:gd name="connsiteY242" fmla="*/ 3562321 h 6858002"/>
                  <a:gd name="connsiteX243" fmla="*/ 4110977 w 4572002"/>
                  <a:gd name="connsiteY243" fmla="*/ 3544714 h 6858002"/>
                  <a:gd name="connsiteX244" fmla="*/ 4133076 w 4572002"/>
                  <a:gd name="connsiteY244" fmla="*/ 3489468 h 6858002"/>
                  <a:gd name="connsiteX245" fmla="*/ 4180703 w 4572002"/>
                  <a:gd name="connsiteY245" fmla="*/ 3172655 h 6858002"/>
                  <a:gd name="connsiteX246" fmla="*/ 4193158 w 4572002"/>
                  <a:gd name="connsiteY246" fmla="*/ 3077402 h 6858002"/>
                  <a:gd name="connsiteX247" fmla="*/ 4193158 w 4572002"/>
                  <a:gd name="connsiteY247" fmla="*/ 3077401 h 6858002"/>
                  <a:gd name="connsiteX248" fmla="*/ 4181465 w 4572002"/>
                  <a:gd name="connsiteY248" fmla="*/ 2982148 h 6858002"/>
                  <a:gd name="connsiteX249" fmla="*/ 4177881 w 4572002"/>
                  <a:gd name="connsiteY249" fmla="*/ 2947863 h 6858002"/>
                  <a:gd name="connsiteX250" fmla="*/ 4177882 w 4572002"/>
                  <a:gd name="connsiteY250" fmla="*/ 2947858 h 6858002"/>
                  <a:gd name="connsiteX251" fmla="*/ 4185787 w 4572002"/>
                  <a:gd name="connsiteY251" fmla="*/ 2903551 h 6858002"/>
                  <a:gd name="connsiteX252" fmla="*/ 4202421 w 4572002"/>
                  <a:gd name="connsiteY252" fmla="*/ 2848794 h 6858002"/>
                  <a:gd name="connsiteX253" fmla="*/ 4211111 w 4572002"/>
                  <a:gd name="connsiteY253" fmla="*/ 2836173 h 6858002"/>
                  <a:gd name="connsiteX254" fmla="*/ 3726625 w 4572002"/>
                  <a:gd name="connsiteY254" fmla="*/ 1508458 h 6858002"/>
                  <a:gd name="connsiteX255" fmla="*/ 3698531 w 4572002"/>
                  <a:gd name="connsiteY255" fmla="*/ 1596214 h 6858002"/>
                  <a:gd name="connsiteX256" fmla="*/ 3700436 w 4572002"/>
                  <a:gd name="connsiteY256" fmla="*/ 1624981 h 6858002"/>
                  <a:gd name="connsiteX257" fmla="*/ 3757017 w 4572002"/>
                  <a:gd name="connsiteY257" fmla="*/ 1697754 h 6858002"/>
                  <a:gd name="connsiteX258" fmla="*/ 3779686 w 4572002"/>
                  <a:gd name="connsiteY258" fmla="*/ 1733189 h 6858002"/>
                  <a:gd name="connsiteX259" fmla="*/ 3821407 w 4572002"/>
                  <a:gd name="connsiteY259" fmla="*/ 1833776 h 6858002"/>
                  <a:gd name="connsiteX260" fmla="*/ 3829028 w 4572002"/>
                  <a:gd name="connsiteY260" fmla="*/ 1842159 h 6858002"/>
                  <a:gd name="connsiteX261" fmla="*/ 3919519 w 4572002"/>
                  <a:gd name="connsiteY261" fmla="*/ 1916455 h 6858002"/>
                  <a:gd name="connsiteX262" fmla="*/ 3934949 w 4572002"/>
                  <a:gd name="connsiteY262" fmla="*/ 1933220 h 6858002"/>
                  <a:gd name="connsiteX263" fmla="*/ 3958954 w 4572002"/>
                  <a:gd name="connsiteY263" fmla="*/ 1953414 h 6858002"/>
                  <a:gd name="connsiteX264" fmla="*/ 4005437 w 4572002"/>
                  <a:gd name="connsiteY264" fmla="*/ 2016470 h 6858002"/>
                  <a:gd name="connsiteX265" fmla="*/ 4020296 w 4572002"/>
                  <a:gd name="connsiteY265" fmla="*/ 2094579 h 6858002"/>
                  <a:gd name="connsiteX266" fmla="*/ 4042967 w 4572002"/>
                  <a:gd name="connsiteY266" fmla="*/ 2188880 h 6858002"/>
                  <a:gd name="connsiteX267" fmla="*/ 4058207 w 4572002"/>
                  <a:gd name="connsiteY267" fmla="*/ 2228315 h 6858002"/>
                  <a:gd name="connsiteX268" fmla="*/ 4087164 w 4572002"/>
                  <a:gd name="connsiteY268" fmla="*/ 2334045 h 6858002"/>
                  <a:gd name="connsiteX269" fmla="*/ 4111549 w 4572002"/>
                  <a:gd name="connsiteY269" fmla="*/ 2409486 h 6858002"/>
                  <a:gd name="connsiteX270" fmla="*/ 4128650 w 4572002"/>
                  <a:gd name="connsiteY270" fmla="*/ 2435913 h 6858002"/>
                  <a:gd name="connsiteX271" fmla="*/ 4134481 w 4572002"/>
                  <a:gd name="connsiteY271" fmla="*/ 2463018 h 6858002"/>
                  <a:gd name="connsiteX272" fmla="*/ 4125839 w 4572002"/>
                  <a:gd name="connsiteY272" fmla="*/ 2518262 h 6858002"/>
                  <a:gd name="connsiteX273" fmla="*/ 4125838 w 4572002"/>
                  <a:gd name="connsiteY273" fmla="*/ 2518264 h 6858002"/>
                  <a:gd name="connsiteX274" fmla="*/ 4122194 w 4572002"/>
                  <a:gd name="connsiteY274" fmla="*/ 2545006 h 6858002"/>
                  <a:gd name="connsiteX275" fmla="*/ 4122194 w 4572002"/>
                  <a:gd name="connsiteY275" fmla="*/ 2545007 h 6858002"/>
                  <a:gd name="connsiteX276" fmla="*/ 4126408 w 4572002"/>
                  <a:gd name="connsiteY276" fmla="*/ 2571035 h 6858002"/>
                  <a:gd name="connsiteX277" fmla="*/ 4199563 w 4572002"/>
                  <a:gd name="connsiteY277" fmla="*/ 2668002 h 6858002"/>
                  <a:gd name="connsiteX278" fmla="*/ 4247953 w 4572002"/>
                  <a:gd name="connsiteY278" fmla="*/ 2745349 h 6858002"/>
                  <a:gd name="connsiteX279" fmla="*/ 4247954 w 4572002"/>
                  <a:gd name="connsiteY279" fmla="*/ 2745352 h 6858002"/>
                  <a:gd name="connsiteX280" fmla="*/ 4253873 w 4572002"/>
                  <a:gd name="connsiteY280" fmla="*/ 2778006 h 6858002"/>
                  <a:gd name="connsiteX281" fmla="*/ 4253453 w 4572002"/>
                  <a:gd name="connsiteY281" fmla="*/ 2785440 h 6858002"/>
                  <a:gd name="connsiteX282" fmla="*/ 4243374 w 4572002"/>
                  <a:gd name="connsiteY282" fmla="*/ 2811780 h 6858002"/>
                  <a:gd name="connsiteX283" fmla="*/ 4243371 w 4572002"/>
                  <a:gd name="connsiteY283" fmla="*/ 2811787 h 6858002"/>
                  <a:gd name="connsiteX284" fmla="*/ 4243372 w 4572002"/>
                  <a:gd name="connsiteY284" fmla="*/ 2811787 h 6858002"/>
                  <a:gd name="connsiteX285" fmla="*/ 4243374 w 4572002"/>
                  <a:gd name="connsiteY285" fmla="*/ 2811780 h 6858002"/>
                  <a:gd name="connsiteX286" fmla="*/ 4253025 w 4572002"/>
                  <a:gd name="connsiteY286" fmla="*/ 2793023 h 6858002"/>
                  <a:gd name="connsiteX287" fmla="*/ 4253453 w 4572002"/>
                  <a:gd name="connsiteY287" fmla="*/ 2785440 h 6858002"/>
                  <a:gd name="connsiteX288" fmla="*/ 4254654 w 4572002"/>
                  <a:gd name="connsiteY288" fmla="*/ 2782305 h 6858002"/>
                  <a:gd name="connsiteX289" fmla="*/ 4253873 w 4572002"/>
                  <a:gd name="connsiteY289" fmla="*/ 2778006 h 6858002"/>
                  <a:gd name="connsiteX290" fmla="*/ 4254284 w 4572002"/>
                  <a:gd name="connsiteY290" fmla="*/ 2770758 h 6858002"/>
                  <a:gd name="connsiteX291" fmla="*/ 4247954 w 4572002"/>
                  <a:gd name="connsiteY291" fmla="*/ 2745352 h 6858002"/>
                  <a:gd name="connsiteX292" fmla="*/ 4247953 w 4572002"/>
                  <a:gd name="connsiteY292" fmla="*/ 2745348 h 6858002"/>
                  <a:gd name="connsiteX293" fmla="*/ 4199563 w 4572002"/>
                  <a:gd name="connsiteY293" fmla="*/ 2668001 h 6858002"/>
                  <a:gd name="connsiteX294" fmla="*/ 4126408 w 4572002"/>
                  <a:gd name="connsiteY294" fmla="*/ 2571034 h 6858002"/>
                  <a:gd name="connsiteX295" fmla="*/ 4122194 w 4572002"/>
                  <a:gd name="connsiteY295" fmla="*/ 2545007 h 6858002"/>
                  <a:gd name="connsiteX296" fmla="*/ 4125838 w 4572002"/>
                  <a:gd name="connsiteY296" fmla="*/ 2518265 h 6858002"/>
                  <a:gd name="connsiteX297" fmla="*/ 4125839 w 4572002"/>
                  <a:gd name="connsiteY297" fmla="*/ 2518262 h 6858002"/>
                  <a:gd name="connsiteX298" fmla="*/ 4132419 w 4572002"/>
                  <a:gd name="connsiteY298" fmla="*/ 2490551 h 6858002"/>
                  <a:gd name="connsiteX299" fmla="*/ 4134481 w 4572002"/>
                  <a:gd name="connsiteY299" fmla="*/ 2463018 h 6858002"/>
                  <a:gd name="connsiteX300" fmla="*/ 4134481 w 4572002"/>
                  <a:gd name="connsiteY300" fmla="*/ 2463017 h 6858002"/>
                  <a:gd name="connsiteX301" fmla="*/ 4111549 w 4572002"/>
                  <a:gd name="connsiteY301" fmla="*/ 2409485 h 6858002"/>
                  <a:gd name="connsiteX302" fmla="*/ 4087164 w 4572002"/>
                  <a:gd name="connsiteY302" fmla="*/ 2334044 h 6858002"/>
                  <a:gd name="connsiteX303" fmla="*/ 4058207 w 4572002"/>
                  <a:gd name="connsiteY303" fmla="*/ 2228314 h 6858002"/>
                  <a:gd name="connsiteX304" fmla="*/ 4042967 w 4572002"/>
                  <a:gd name="connsiteY304" fmla="*/ 2188879 h 6858002"/>
                  <a:gd name="connsiteX305" fmla="*/ 4020296 w 4572002"/>
                  <a:gd name="connsiteY305" fmla="*/ 2094578 h 6858002"/>
                  <a:gd name="connsiteX306" fmla="*/ 4005437 w 4572002"/>
                  <a:gd name="connsiteY306" fmla="*/ 2016469 h 6858002"/>
                  <a:gd name="connsiteX307" fmla="*/ 3958954 w 4572002"/>
                  <a:gd name="connsiteY307" fmla="*/ 1953413 h 6858002"/>
                  <a:gd name="connsiteX308" fmla="*/ 3934949 w 4572002"/>
                  <a:gd name="connsiteY308" fmla="*/ 1933219 h 6858002"/>
                  <a:gd name="connsiteX309" fmla="*/ 3919519 w 4572002"/>
                  <a:gd name="connsiteY309" fmla="*/ 1916454 h 6858002"/>
                  <a:gd name="connsiteX310" fmla="*/ 3829028 w 4572002"/>
                  <a:gd name="connsiteY310" fmla="*/ 1842158 h 6858002"/>
                  <a:gd name="connsiteX311" fmla="*/ 3821407 w 4572002"/>
                  <a:gd name="connsiteY311" fmla="*/ 1833775 h 6858002"/>
                  <a:gd name="connsiteX312" fmla="*/ 3779686 w 4572002"/>
                  <a:gd name="connsiteY312" fmla="*/ 1733188 h 6858002"/>
                  <a:gd name="connsiteX313" fmla="*/ 3757018 w 4572002"/>
                  <a:gd name="connsiteY313" fmla="*/ 1697753 h 6858002"/>
                  <a:gd name="connsiteX314" fmla="*/ 3700436 w 4572002"/>
                  <a:gd name="connsiteY314" fmla="*/ 1624980 h 6858002"/>
                  <a:gd name="connsiteX315" fmla="*/ 3698532 w 4572002"/>
                  <a:gd name="connsiteY315" fmla="*/ 1596213 h 6858002"/>
                  <a:gd name="connsiteX316" fmla="*/ 3745230 w 4572002"/>
                  <a:gd name="connsiteY316" fmla="*/ 1459073 h 6858002"/>
                  <a:gd name="connsiteX317" fmla="*/ 3745229 w 4572002"/>
                  <a:gd name="connsiteY317" fmla="*/ 1459074 h 6858002"/>
                  <a:gd name="connsiteX318" fmla="*/ 3736012 w 4572002"/>
                  <a:gd name="connsiteY318" fmla="*/ 1481572 h 6858002"/>
                  <a:gd name="connsiteX319" fmla="*/ 3764423 w 4572002"/>
                  <a:gd name="connsiteY319" fmla="*/ 1268758 h 6858002"/>
                  <a:gd name="connsiteX320" fmla="*/ 3769590 w 4572002"/>
                  <a:gd name="connsiteY320" fmla="*/ 1286070 h 6858002"/>
                  <a:gd name="connsiteX321" fmla="*/ 3791927 w 4572002"/>
                  <a:gd name="connsiteY321" fmla="*/ 1350628 h 6858002"/>
                  <a:gd name="connsiteX322" fmla="*/ 3786333 w 4572002"/>
                  <a:gd name="connsiteY322" fmla="*/ 1413840 h 6858002"/>
                  <a:gd name="connsiteX323" fmla="*/ 3791928 w 4572002"/>
                  <a:gd name="connsiteY323" fmla="*/ 1350627 h 6858002"/>
                  <a:gd name="connsiteX324" fmla="*/ 3769590 w 4572002"/>
                  <a:gd name="connsiteY324" fmla="*/ 1286069 h 6858002"/>
                  <a:gd name="connsiteX325" fmla="*/ 3706152 w 4572002"/>
                  <a:gd name="connsiteY325" fmla="*/ 773035 h 6858002"/>
                  <a:gd name="connsiteX326" fmla="*/ 3706152 w 4572002"/>
                  <a:gd name="connsiteY326" fmla="*/ 773036 h 6858002"/>
                  <a:gd name="connsiteX327" fmla="*/ 3714152 w 4572002"/>
                  <a:gd name="connsiteY327" fmla="*/ 854380 h 6858002"/>
                  <a:gd name="connsiteX328" fmla="*/ 3745205 w 4572002"/>
                  <a:gd name="connsiteY328" fmla="*/ 915344 h 6858002"/>
                  <a:gd name="connsiteX329" fmla="*/ 3755683 w 4572002"/>
                  <a:gd name="connsiteY329" fmla="*/ 927156 h 6858002"/>
                  <a:gd name="connsiteX330" fmla="*/ 3752063 w 4572002"/>
                  <a:gd name="connsiteY330" fmla="*/ 1097088 h 6858002"/>
                  <a:gd name="connsiteX331" fmla="*/ 3747681 w 4572002"/>
                  <a:gd name="connsiteY331" fmla="*/ 1123186 h 6858002"/>
                  <a:gd name="connsiteX332" fmla="*/ 3772400 w 4572002"/>
                  <a:gd name="connsiteY332" fmla="*/ 1184029 h 6858002"/>
                  <a:gd name="connsiteX333" fmla="*/ 3747682 w 4572002"/>
                  <a:gd name="connsiteY333" fmla="*/ 1123185 h 6858002"/>
                  <a:gd name="connsiteX334" fmla="*/ 3752064 w 4572002"/>
                  <a:gd name="connsiteY334" fmla="*/ 1097087 h 6858002"/>
                  <a:gd name="connsiteX335" fmla="*/ 3755684 w 4572002"/>
                  <a:gd name="connsiteY335" fmla="*/ 927155 h 6858002"/>
                  <a:gd name="connsiteX336" fmla="*/ 3745206 w 4572002"/>
                  <a:gd name="connsiteY336" fmla="*/ 915343 h 6858002"/>
                  <a:gd name="connsiteX337" fmla="*/ 3714152 w 4572002"/>
                  <a:gd name="connsiteY337" fmla="*/ 854379 h 6858002"/>
                  <a:gd name="connsiteX338" fmla="*/ 3761553 w 4572002"/>
                  <a:gd name="connsiteY338" fmla="*/ 517851 h 6858002"/>
                  <a:gd name="connsiteX339" fmla="*/ 3752635 w 4572002"/>
                  <a:gd name="connsiteY339" fmla="*/ 556048 h 6858002"/>
                  <a:gd name="connsiteX340" fmla="*/ 3746157 w 4572002"/>
                  <a:gd name="connsiteY340" fmla="*/ 580051 h 6858002"/>
                  <a:gd name="connsiteX341" fmla="*/ 3742776 w 4572002"/>
                  <a:gd name="connsiteY341" fmla="*/ 642538 h 6858002"/>
                  <a:gd name="connsiteX342" fmla="*/ 3730253 w 4572002"/>
                  <a:gd name="connsiteY342" fmla="*/ 694928 h 6858002"/>
                  <a:gd name="connsiteX343" fmla="*/ 3742777 w 4572002"/>
                  <a:gd name="connsiteY343" fmla="*/ 642537 h 6858002"/>
                  <a:gd name="connsiteX344" fmla="*/ 3746158 w 4572002"/>
                  <a:gd name="connsiteY344" fmla="*/ 580050 h 6858002"/>
                  <a:gd name="connsiteX345" fmla="*/ 3752636 w 4572002"/>
                  <a:gd name="connsiteY345" fmla="*/ 556047 h 6858002"/>
                  <a:gd name="connsiteX346" fmla="*/ 3774848 w 4572002"/>
                  <a:gd name="connsiteY346" fmla="*/ 298169 h 6858002"/>
                  <a:gd name="connsiteX347" fmla="*/ 3760065 w 4572002"/>
                  <a:gd name="connsiteY347" fmla="*/ 313534 h 6858002"/>
                  <a:gd name="connsiteX348" fmla="*/ 3759493 w 4572002"/>
                  <a:gd name="connsiteY348" fmla="*/ 338871 h 6858002"/>
                  <a:gd name="connsiteX349" fmla="*/ 3759500 w 4572002"/>
                  <a:gd name="connsiteY349" fmla="*/ 338900 h 6858002"/>
                  <a:gd name="connsiteX350" fmla="*/ 3769400 w 4572002"/>
                  <a:gd name="connsiteY350" fmla="*/ 395640 h 6858002"/>
                  <a:gd name="connsiteX351" fmla="*/ 3765590 w 4572002"/>
                  <a:gd name="connsiteY351" fmla="*/ 367328 h 6858002"/>
                  <a:gd name="connsiteX352" fmla="*/ 3759500 w 4572002"/>
                  <a:gd name="connsiteY352" fmla="*/ 338900 h 6858002"/>
                  <a:gd name="connsiteX353" fmla="*/ 3759494 w 4572002"/>
                  <a:gd name="connsiteY353" fmla="*/ 338870 h 6858002"/>
                  <a:gd name="connsiteX354" fmla="*/ 3760066 w 4572002"/>
                  <a:gd name="connsiteY354" fmla="*/ 313533 h 6858002"/>
                  <a:gd name="connsiteX355" fmla="*/ 3782393 w 4572002"/>
                  <a:gd name="connsiteY355" fmla="*/ 281568 h 6858002"/>
                  <a:gd name="connsiteX356" fmla="*/ 3777498 w 4572002"/>
                  <a:gd name="connsiteY356" fmla="*/ 295415 h 6858002"/>
                  <a:gd name="connsiteX357" fmla="*/ 3777499 w 4572002"/>
                  <a:gd name="connsiteY357" fmla="*/ 295415 h 6858002"/>
                  <a:gd name="connsiteX358" fmla="*/ 3769073 w 4572002"/>
                  <a:gd name="connsiteY358" fmla="*/ 24486 h 6858002"/>
                  <a:gd name="connsiteX359" fmla="*/ 3766810 w 4572002"/>
                  <a:gd name="connsiteY359" fmla="*/ 74129 h 6858002"/>
                  <a:gd name="connsiteX360" fmla="*/ 3772734 w 4572002"/>
                  <a:gd name="connsiteY360" fmla="*/ 125861 h 6858002"/>
                  <a:gd name="connsiteX361" fmla="*/ 3777129 w 4572002"/>
                  <a:gd name="connsiteY361" fmla="*/ 153387 h 6858002"/>
                  <a:gd name="connsiteX362" fmla="*/ 3785402 w 4572002"/>
                  <a:gd name="connsiteY362" fmla="*/ 228944 h 6858002"/>
                  <a:gd name="connsiteX363" fmla="*/ 3780943 w 4572002"/>
                  <a:gd name="connsiteY363" fmla="*/ 177271 h 6858002"/>
                  <a:gd name="connsiteX364" fmla="*/ 3777129 w 4572002"/>
                  <a:gd name="connsiteY364" fmla="*/ 153387 h 6858002"/>
                  <a:gd name="connsiteX365" fmla="*/ 3776930 w 4572002"/>
                  <a:gd name="connsiteY365" fmla="*/ 151569 h 6858002"/>
                  <a:gd name="connsiteX366" fmla="*/ 3766811 w 4572002"/>
                  <a:gd name="connsiteY366" fmla="*/ 74129 h 6858002"/>
                  <a:gd name="connsiteX367" fmla="*/ 3766492 w 4572002"/>
                  <a:gd name="connsiteY367" fmla="*/ 0 h 6858002"/>
                  <a:gd name="connsiteX368" fmla="*/ 4230600 w 4572002"/>
                  <a:gd name="connsiteY368" fmla="*/ 0 h 6858002"/>
                  <a:gd name="connsiteX369" fmla="*/ 4229473 w 4572002"/>
                  <a:gd name="connsiteY369" fmla="*/ 2817 h 6858002"/>
                  <a:gd name="connsiteX370" fmla="*/ 4215375 w 4572002"/>
                  <a:gd name="connsiteY370" fmla="*/ 63587 h 6858002"/>
                  <a:gd name="connsiteX371" fmla="*/ 4201468 w 4572002"/>
                  <a:gd name="connsiteY371" fmla="*/ 176939 h 6858002"/>
                  <a:gd name="connsiteX372" fmla="*/ 4193466 w 4572002"/>
                  <a:gd name="connsiteY372" fmla="*/ 200182 h 6858002"/>
                  <a:gd name="connsiteX373" fmla="*/ 4155554 w 4572002"/>
                  <a:gd name="connsiteY373" fmla="*/ 340774 h 6858002"/>
                  <a:gd name="connsiteX374" fmla="*/ 4156319 w 4572002"/>
                  <a:gd name="connsiteY374" fmla="*/ 453364 h 6858002"/>
                  <a:gd name="connsiteX375" fmla="*/ 4158033 w 4572002"/>
                  <a:gd name="connsiteY375" fmla="*/ 462126 h 6858002"/>
                  <a:gd name="connsiteX376" fmla="*/ 4170605 w 4572002"/>
                  <a:gd name="connsiteY376" fmla="*/ 505182 h 6858002"/>
                  <a:gd name="connsiteX377" fmla="*/ 4167177 w 4572002"/>
                  <a:gd name="connsiteY377" fmla="*/ 571860 h 6858002"/>
                  <a:gd name="connsiteX378" fmla="*/ 4149840 w 4572002"/>
                  <a:gd name="connsiteY378" fmla="*/ 617772 h 6858002"/>
                  <a:gd name="connsiteX379" fmla="*/ 4149078 w 4572002"/>
                  <a:gd name="connsiteY379" fmla="*/ 674923 h 6858002"/>
                  <a:gd name="connsiteX380" fmla="*/ 4159937 w 4572002"/>
                  <a:gd name="connsiteY380" fmla="*/ 740268 h 6858002"/>
                  <a:gd name="connsiteX381" fmla="*/ 4162223 w 4572002"/>
                  <a:gd name="connsiteY381" fmla="*/ 769605 h 6858002"/>
                  <a:gd name="connsiteX382" fmla="*/ 4184703 w 4572002"/>
                  <a:gd name="connsiteY382" fmla="*/ 850189 h 6858002"/>
                  <a:gd name="connsiteX383" fmla="*/ 4179179 w 4572002"/>
                  <a:gd name="connsiteY383" fmla="*/ 898198 h 6858002"/>
                  <a:gd name="connsiteX384" fmla="*/ 4164319 w 4572002"/>
                  <a:gd name="connsiteY384" fmla="*/ 945444 h 6858002"/>
                  <a:gd name="connsiteX385" fmla="*/ 4150030 w 4572002"/>
                  <a:gd name="connsiteY385" fmla="*/ 975733 h 6858002"/>
                  <a:gd name="connsiteX386" fmla="*/ 4139934 w 4572002"/>
                  <a:gd name="connsiteY386" fmla="*/ 1036887 h 6858002"/>
                  <a:gd name="connsiteX387" fmla="*/ 4141458 w 4572002"/>
                  <a:gd name="connsiteY387" fmla="*/ 1048125 h 6858002"/>
                  <a:gd name="connsiteX388" fmla="*/ 4154032 w 4572002"/>
                  <a:gd name="connsiteY388" fmla="*/ 1230633 h 6858002"/>
                  <a:gd name="connsiteX389" fmla="*/ 4174225 w 4572002"/>
                  <a:gd name="connsiteY389" fmla="*/ 1303024 h 6858002"/>
                  <a:gd name="connsiteX390" fmla="*/ 4176701 w 4572002"/>
                  <a:gd name="connsiteY390" fmla="*/ 1318456 h 6858002"/>
                  <a:gd name="connsiteX391" fmla="*/ 4199372 w 4572002"/>
                  <a:gd name="connsiteY391" fmla="*/ 1472575 h 6858002"/>
                  <a:gd name="connsiteX392" fmla="*/ 4200325 w 4572002"/>
                  <a:gd name="connsiteY392" fmla="*/ 1489720 h 6858002"/>
                  <a:gd name="connsiteX393" fmla="*/ 4196324 w 4572002"/>
                  <a:gd name="connsiteY393" fmla="*/ 1537537 h 6858002"/>
                  <a:gd name="connsiteX394" fmla="*/ 4237474 w 4572002"/>
                  <a:gd name="connsiteY394" fmla="*/ 1650317 h 6858002"/>
                  <a:gd name="connsiteX395" fmla="*/ 4251572 w 4572002"/>
                  <a:gd name="connsiteY395" fmla="*/ 1763287 h 6858002"/>
                  <a:gd name="connsiteX396" fmla="*/ 4251380 w 4572002"/>
                  <a:gd name="connsiteY396" fmla="*/ 1825393 h 6858002"/>
                  <a:gd name="connsiteX397" fmla="*/ 4261478 w 4572002"/>
                  <a:gd name="connsiteY397" fmla="*/ 1869780 h 6858002"/>
                  <a:gd name="connsiteX398" fmla="*/ 4292149 w 4572002"/>
                  <a:gd name="connsiteY398" fmla="*/ 1978940 h 6858002"/>
                  <a:gd name="connsiteX399" fmla="*/ 4296911 w 4572002"/>
                  <a:gd name="connsiteY399" fmla="*/ 2030378 h 6858002"/>
                  <a:gd name="connsiteX400" fmla="*/ 4307201 w 4572002"/>
                  <a:gd name="connsiteY400" fmla="*/ 2085054 h 6858002"/>
                  <a:gd name="connsiteX401" fmla="*/ 4353302 w 4572002"/>
                  <a:gd name="connsiteY401" fmla="*/ 2220312 h 6858002"/>
                  <a:gd name="connsiteX402" fmla="*/ 4350636 w 4572002"/>
                  <a:gd name="connsiteY402" fmla="*/ 2330806 h 6858002"/>
                  <a:gd name="connsiteX403" fmla="*/ 4351206 w 4572002"/>
                  <a:gd name="connsiteY403" fmla="*/ 2401292 h 6858002"/>
                  <a:gd name="connsiteX404" fmla="*/ 4366446 w 4572002"/>
                  <a:gd name="connsiteY404" fmla="*/ 2485307 h 6858002"/>
                  <a:gd name="connsiteX405" fmla="*/ 4388736 w 4572002"/>
                  <a:gd name="connsiteY405" fmla="*/ 2554079 h 6858002"/>
                  <a:gd name="connsiteX406" fmla="*/ 4406453 w 4572002"/>
                  <a:gd name="connsiteY406" fmla="*/ 2649143 h 6858002"/>
                  <a:gd name="connsiteX407" fmla="*/ 4440554 w 4572002"/>
                  <a:gd name="connsiteY407" fmla="*/ 2743826 h 6858002"/>
                  <a:gd name="connsiteX408" fmla="*/ 4466653 w 4572002"/>
                  <a:gd name="connsiteY408" fmla="*/ 2809930 h 6858002"/>
                  <a:gd name="connsiteX409" fmla="*/ 4489705 w 4572002"/>
                  <a:gd name="connsiteY409" fmla="*/ 2901943 h 6858002"/>
                  <a:gd name="connsiteX410" fmla="*/ 4505897 w 4572002"/>
                  <a:gd name="connsiteY410" fmla="*/ 3042728 h 6858002"/>
                  <a:gd name="connsiteX411" fmla="*/ 4507613 w 4572002"/>
                  <a:gd name="connsiteY411" fmla="*/ 3107500 h 6858002"/>
                  <a:gd name="connsiteX412" fmla="*/ 4545521 w 4572002"/>
                  <a:gd name="connsiteY412" fmla="*/ 3209993 h 6858002"/>
                  <a:gd name="connsiteX413" fmla="*/ 4563811 w 4572002"/>
                  <a:gd name="connsiteY413" fmla="*/ 3253809 h 6858002"/>
                  <a:gd name="connsiteX414" fmla="*/ 4548570 w 4572002"/>
                  <a:gd name="connsiteY414" fmla="*/ 3293244 h 6858002"/>
                  <a:gd name="connsiteX415" fmla="*/ 4531043 w 4572002"/>
                  <a:gd name="connsiteY415" fmla="*/ 3318771 h 6858002"/>
                  <a:gd name="connsiteX416" fmla="*/ 4545904 w 4572002"/>
                  <a:gd name="connsiteY416" fmla="*/ 3399546 h 6858002"/>
                  <a:gd name="connsiteX417" fmla="*/ 4561524 w 4572002"/>
                  <a:gd name="connsiteY417" fmla="*/ 3485275 h 6858002"/>
                  <a:gd name="connsiteX418" fmla="*/ 4572002 w 4572002"/>
                  <a:gd name="connsiteY418" fmla="*/ 3546617 h 6858002"/>
                  <a:gd name="connsiteX419" fmla="*/ 4563620 w 4572002"/>
                  <a:gd name="connsiteY419" fmla="*/ 3623201 h 6858002"/>
                  <a:gd name="connsiteX420" fmla="*/ 4560192 w 4572002"/>
                  <a:gd name="connsiteY420" fmla="*/ 3683591 h 6858002"/>
                  <a:gd name="connsiteX421" fmla="*/ 4550476 w 4572002"/>
                  <a:gd name="connsiteY421" fmla="*/ 3732361 h 6858002"/>
                  <a:gd name="connsiteX422" fmla="*/ 4544759 w 4572002"/>
                  <a:gd name="connsiteY422" fmla="*/ 3749506 h 6858002"/>
                  <a:gd name="connsiteX423" fmla="*/ 4500182 w 4572002"/>
                  <a:gd name="connsiteY423" fmla="*/ 3885338 h 6858002"/>
                  <a:gd name="connsiteX424" fmla="*/ 4464557 w 4572002"/>
                  <a:gd name="connsiteY424" fmla="*/ 4030503 h 6858002"/>
                  <a:gd name="connsiteX425" fmla="*/ 4487039 w 4572002"/>
                  <a:gd name="connsiteY425" fmla="*/ 4124614 h 6858002"/>
                  <a:gd name="connsiteX426" fmla="*/ 4486656 w 4572002"/>
                  <a:gd name="connsiteY426" fmla="*/ 4159667 h 6858002"/>
                  <a:gd name="connsiteX427" fmla="*/ 4491801 w 4572002"/>
                  <a:gd name="connsiteY427" fmla="*/ 4320837 h 6858002"/>
                  <a:gd name="connsiteX428" fmla="*/ 4497325 w 4572002"/>
                  <a:gd name="connsiteY428" fmla="*/ 4349222 h 6858002"/>
                  <a:gd name="connsiteX429" fmla="*/ 4474653 w 4572002"/>
                  <a:gd name="connsiteY429" fmla="*/ 4502579 h 6858002"/>
                  <a:gd name="connsiteX430" fmla="*/ 4470844 w 4572002"/>
                  <a:gd name="connsiteY430" fmla="*/ 4558207 h 6858002"/>
                  <a:gd name="connsiteX431" fmla="*/ 4464557 w 4572002"/>
                  <a:gd name="connsiteY431" fmla="*/ 4609452 h 6858002"/>
                  <a:gd name="connsiteX432" fmla="*/ 4463033 w 4572002"/>
                  <a:gd name="connsiteY432" fmla="*/ 4681083 h 6858002"/>
                  <a:gd name="connsiteX433" fmla="*/ 4465891 w 4572002"/>
                  <a:gd name="connsiteY433" fmla="*/ 4755381 h 6858002"/>
                  <a:gd name="connsiteX434" fmla="*/ 4465319 w 4572002"/>
                  <a:gd name="connsiteY434" fmla="*/ 4838250 h 6858002"/>
                  <a:gd name="connsiteX435" fmla="*/ 4460367 w 4572002"/>
                  <a:gd name="connsiteY435" fmla="*/ 4871019 h 6858002"/>
                  <a:gd name="connsiteX436" fmla="*/ 4463795 w 4572002"/>
                  <a:gd name="connsiteY436" fmla="*/ 4959602 h 6858002"/>
                  <a:gd name="connsiteX437" fmla="*/ 4458082 w 4572002"/>
                  <a:gd name="connsiteY437" fmla="*/ 5006086 h 6858002"/>
                  <a:gd name="connsiteX438" fmla="*/ 4456937 w 4572002"/>
                  <a:gd name="connsiteY438" fmla="*/ 5082670 h 6858002"/>
                  <a:gd name="connsiteX439" fmla="*/ 4455603 w 4572002"/>
                  <a:gd name="connsiteY439" fmla="*/ 5107627 h 6858002"/>
                  <a:gd name="connsiteX440" fmla="*/ 4454840 w 4572002"/>
                  <a:gd name="connsiteY440" fmla="*/ 5129916 h 6858002"/>
                  <a:gd name="connsiteX441" fmla="*/ 4470464 w 4572002"/>
                  <a:gd name="connsiteY441" fmla="*/ 5206308 h 6858002"/>
                  <a:gd name="connsiteX442" fmla="*/ 4471415 w 4572002"/>
                  <a:gd name="connsiteY442" fmla="*/ 5274129 h 6858002"/>
                  <a:gd name="connsiteX443" fmla="*/ 4483990 w 4572002"/>
                  <a:gd name="connsiteY443" fmla="*/ 5393005 h 6858002"/>
                  <a:gd name="connsiteX444" fmla="*/ 4479607 w 4572002"/>
                  <a:gd name="connsiteY444" fmla="*/ 5419295 h 6858002"/>
                  <a:gd name="connsiteX445" fmla="*/ 4477894 w 4572002"/>
                  <a:gd name="connsiteY445" fmla="*/ 5501594 h 6858002"/>
                  <a:gd name="connsiteX446" fmla="*/ 4476560 w 4572002"/>
                  <a:gd name="connsiteY446" fmla="*/ 5548460 h 6858002"/>
                  <a:gd name="connsiteX447" fmla="*/ 4485703 w 4572002"/>
                  <a:gd name="connsiteY447" fmla="*/ 5606372 h 6858002"/>
                  <a:gd name="connsiteX448" fmla="*/ 4505134 w 4572002"/>
                  <a:gd name="connsiteY448" fmla="*/ 5706959 h 6858002"/>
                  <a:gd name="connsiteX449" fmla="*/ 4508183 w 4572002"/>
                  <a:gd name="connsiteY449" fmla="*/ 5733440 h 6858002"/>
                  <a:gd name="connsiteX450" fmla="*/ 4517519 w 4572002"/>
                  <a:gd name="connsiteY450" fmla="*/ 5781830 h 6858002"/>
                  <a:gd name="connsiteX451" fmla="*/ 4519234 w 4572002"/>
                  <a:gd name="connsiteY451" fmla="*/ 5790592 h 6858002"/>
                  <a:gd name="connsiteX452" fmla="*/ 4542855 w 4572002"/>
                  <a:gd name="connsiteY452" fmla="*/ 5864318 h 6858002"/>
                  <a:gd name="connsiteX453" fmla="*/ 4544759 w 4572002"/>
                  <a:gd name="connsiteY453" fmla="*/ 5902610 h 6858002"/>
                  <a:gd name="connsiteX454" fmla="*/ 4544951 w 4572002"/>
                  <a:gd name="connsiteY454" fmla="*/ 6012723 h 6858002"/>
                  <a:gd name="connsiteX455" fmla="*/ 4541332 w 4572002"/>
                  <a:gd name="connsiteY455" fmla="*/ 6059397 h 6858002"/>
                  <a:gd name="connsiteX456" fmla="*/ 4527426 w 4572002"/>
                  <a:gd name="connsiteY456" fmla="*/ 6171605 h 6858002"/>
                  <a:gd name="connsiteX457" fmla="*/ 4520568 w 4572002"/>
                  <a:gd name="connsiteY457" fmla="*/ 6242093 h 6858002"/>
                  <a:gd name="connsiteX458" fmla="*/ 4509706 w 4572002"/>
                  <a:gd name="connsiteY458" fmla="*/ 6323058 h 6858002"/>
                  <a:gd name="connsiteX459" fmla="*/ 4502848 w 4572002"/>
                  <a:gd name="connsiteY459" fmla="*/ 6415833 h 6858002"/>
                  <a:gd name="connsiteX460" fmla="*/ 4482084 w 4572002"/>
                  <a:gd name="connsiteY460" fmla="*/ 6584812 h 6858002"/>
                  <a:gd name="connsiteX461" fmla="*/ 4460557 w 4572002"/>
                  <a:gd name="connsiteY461" fmla="*/ 6748458 h 6858002"/>
                  <a:gd name="connsiteX462" fmla="*/ 4441507 w 4572002"/>
                  <a:gd name="connsiteY462" fmla="*/ 6815516 h 6858002"/>
                  <a:gd name="connsiteX463" fmla="*/ 4431806 w 4572002"/>
                  <a:gd name="connsiteY463" fmla="*/ 6858001 h 6858002"/>
                  <a:gd name="connsiteX464" fmla="*/ 4259554 w 4572002"/>
                  <a:gd name="connsiteY464" fmla="*/ 6858001 h 6858002"/>
                  <a:gd name="connsiteX465" fmla="*/ 4259554 w 4572002"/>
                  <a:gd name="connsiteY465" fmla="*/ 6858002 h 6858002"/>
                  <a:gd name="connsiteX466" fmla="*/ 0 w 4572002"/>
                  <a:gd name="connsiteY466" fmla="*/ 6858002 h 6858002"/>
                  <a:gd name="connsiteX467" fmla="*/ 0 w 4572002"/>
                  <a:gd name="connsiteY467" fmla="*/ 2 h 6858002"/>
                  <a:gd name="connsiteX468" fmla="*/ 3766492 w 4572002"/>
                  <a:gd name="connsiteY468" fmla="*/ 1 h 6858002"/>
                  <a:gd name="connsiteX469" fmla="*/ 3769210 w 4572002"/>
                  <a:gd name="connsiteY469" fmla="*/ 21486 h 68580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  <a:cxn ang="0">
                    <a:pos x="connsiteX439" y="connsiteY439"/>
                  </a:cxn>
                  <a:cxn ang="0">
                    <a:pos x="connsiteX440" y="connsiteY440"/>
                  </a:cxn>
                  <a:cxn ang="0">
                    <a:pos x="connsiteX441" y="connsiteY441"/>
                  </a:cxn>
                  <a:cxn ang="0">
                    <a:pos x="connsiteX442" y="connsiteY442"/>
                  </a:cxn>
                  <a:cxn ang="0">
                    <a:pos x="connsiteX443" y="connsiteY443"/>
                  </a:cxn>
                  <a:cxn ang="0">
                    <a:pos x="connsiteX444" y="connsiteY444"/>
                  </a:cxn>
                  <a:cxn ang="0">
                    <a:pos x="connsiteX445" y="connsiteY445"/>
                  </a:cxn>
                  <a:cxn ang="0">
                    <a:pos x="connsiteX446" y="connsiteY446"/>
                  </a:cxn>
                  <a:cxn ang="0">
                    <a:pos x="connsiteX447" y="connsiteY447"/>
                  </a:cxn>
                  <a:cxn ang="0">
                    <a:pos x="connsiteX448" y="connsiteY448"/>
                  </a:cxn>
                  <a:cxn ang="0">
                    <a:pos x="connsiteX449" y="connsiteY449"/>
                  </a:cxn>
                  <a:cxn ang="0">
                    <a:pos x="connsiteX450" y="connsiteY450"/>
                  </a:cxn>
                  <a:cxn ang="0">
                    <a:pos x="connsiteX451" y="connsiteY451"/>
                  </a:cxn>
                  <a:cxn ang="0">
                    <a:pos x="connsiteX452" y="connsiteY452"/>
                  </a:cxn>
                  <a:cxn ang="0">
                    <a:pos x="connsiteX453" y="connsiteY453"/>
                  </a:cxn>
                  <a:cxn ang="0">
                    <a:pos x="connsiteX454" y="connsiteY454"/>
                  </a:cxn>
                  <a:cxn ang="0">
                    <a:pos x="connsiteX455" y="connsiteY455"/>
                  </a:cxn>
                  <a:cxn ang="0">
                    <a:pos x="connsiteX456" y="connsiteY456"/>
                  </a:cxn>
                  <a:cxn ang="0">
                    <a:pos x="connsiteX457" y="connsiteY457"/>
                  </a:cxn>
                  <a:cxn ang="0">
                    <a:pos x="connsiteX458" y="connsiteY458"/>
                  </a:cxn>
                  <a:cxn ang="0">
                    <a:pos x="connsiteX459" y="connsiteY459"/>
                  </a:cxn>
                  <a:cxn ang="0">
                    <a:pos x="connsiteX460" y="connsiteY460"/>
                  </a:cxn>
                  <a:cxn ang="0">
                    <a:pos x="connsiteX461" y="connsiteY461"/>
                  </a:cxn>
                  <a:cxn ang="0">
                    <a:pos x="connsiteX462" y="connsiteY462"/>
                  </a:cxn>
                  <a:cxn ang="0">
                    <a:pos x="connsiteX463" y="connsiteY463"/>
                  </a:cxn>
                  <a:cxn ang="0">
                    <a:pos x="connsiteX464" y="connsiteY464"/>
                  </a:cxn>
                  <a:cxn ang="0">
                    <a:pos x="connsiteX465" y="connsiteY465"/>
                  </a:cxn>
                  <a:cxn ang="0">
                    <a:pos x="connsiteX466" y="connsiteY466"/>
                  </a:cxn>
                  <a:cxn ang="0">
                    <a:pos x="connsiteX467" y="connsiteY467"/>
                  </a:cxn>
                  <a:cxn ang="0">
                    <a:pos x="connsiteX468" y="connsiteY468"/>
                  </a:cxn>
                  <a:cxn ang="0">
                    <a:pos x="connsiteX469" y="connsiteY469"/>
                  </a:cxn>
                </a:cxnLst>
                <a:rect l="l" t="t" r="r" b="b"/>
                <a:pathLst>
                  <a:path w="4572002" h="6858002">
                    <a:moveTo>
                      <a:pt x="4214994" y="6564620"/>
                    </a:moveTo>
                    <a:lnTo>
                      <a:pt x="4214994" y="6564621"/>
                    </a:lnTo>
                    <a:cubicBezTo>
                      <a:pt x="4225281" y="6575479"/>
                      <a:pt x="4231378" y="6582147"/>
                      <a:pt x="4237474" y="6588626"/>
                    </a:cubicBezTo>
                    <a:lnTo>
                      <a:pt x="4254096" y="6625225"/>
                    </a:lnTo>
                    <a:lnTo>
                      <a:pt x="4247001" y="6662540"/>
                    </a:lnTo>
                    <a:lnTo>
                      <a:pt x="4247000" y="6662541"/>
                    </a:lnTo>
                    <a:lnTo>
                      <a:pt x="4246999" y="6662544"/>
                    </a:lnTo>
                    <a:lnTo>
                      <a:pt x="4235550" y="6683027"/>
                    </a:lnTo>
                    <a:lnTo>
                      <a:pt x="4232403" y="6702976"/>
                    </a:lnTo>
                    <a:lnTo>
                      <a:pt x="4232403" y="6702977"/>
                    </a:lnTo>
                    <a:cubicBezTo>
                      <a:pt x="4232808" y="6716169"/>
                      <a:pt x="4237951" y="6729219"/>
                      <a:pt x="4246238" y="6742553"/>
                    </a:cubicBezTo>
                    <a:lnTo>
                      <a:pt x="4246239" y="6742555"/>
                    </a:lnTo>
                    <a:lnTo>
                      <a:pt x="4265716" y="6812062"/>
                    </a:lnTo>
                    <a:lnTo>
                      <a:pt x="4265717" y="6812064"/>
                    </a:lnTo>
                    <a:lnTo>
                      <a:pt x="4265717" y="6812063"/>
                    </a:lnTo>
                    <a:lnTo>
                      <a:pt x="4265716" y="6812062"/>
                    </a:lnTo>
                    <a:lnTo>
                      <a:pt x="4260942" y="6776800"/>
                    </a:lnTo>
                    <a:lnTo>
                      <a:pt x="4246239" y="6742555"/>
                    </a:lnTo>
                    <a:lnTo>
                      <a:pt x="4246238" y="6742552"/>
                    </a:lnTo>
                    <a:lnTo>
                      <a:pt x="4232403" y="6702976"/>
                    </a:lnTo>
                    <a:lnTo>
                      <a:pt x="4246999" y="6662544"/>
                    </a:lnTo>
                    <a:lnTo>
                      <a:pt x="4247000" y="6662542"/>
                    </a:lnTo>
                    <a:lnTo>
                      <a:pt x="4247001" y="6662540"/>
                    </a:lnTo>
                    <a:lnTo>
                      <a:pt x="4254084" y="6645552"/>
                    </a:lnTo>
                    <a:lnTo>
                      <a:pt x="4254096" y="6625225"/>
                    </a:lnTo>
                    <a:lnTo>
                      <a:pt x="4254096" y="6625224"/>
                    </a:lnTo>
                    <a:cubicBezTo>
                      <a:pt x="4252000" y="6611341"/>
                      <a:pt x="4245951" y="6597578"/>
                      <a:pt x="4237474" y="6588625"/>
                    </a:cubicBezTo>
                    <a:close/>
                    <a:moveTo>
                      <a:pt x="4295315" y="6438981"/>
                    </a:moveTo>
                    <a:lnTo>
                      <a:pt x="4275385" y="6463840"/>
                    </a:lnTo>
                    <a:lnTo>
                      <a:pt x="4275382" y="6463849"/>
                    </a:lnTo>
                    <a:lnTo>
                      <a:pt x="4261587" y="6513012"/>
                    </a:lnTo>
                    <a:lnTo>
                      <a:pt x="4242781" y="6546194"/>
                    </a:lnTo>
                    <a:lnTo>
                      <a:pt x="4242781" y="6546195"/>
                    </a:lnTo>
                    <a:lnTo>
                      <a:pt x="4259120" y="6521804"/>
                    </a:lnTo>
                    <a:lnTo>
                      <a:pt x="4261587" y="6513012"/>
                    </a:lnTo>
                    <a:lnTo>
                      <a:pt x="4264398" y="6508052"/>
                    </a:lnTo>
                    <a:lnTo>
                      <a:pt x="4275382" y="6463849"/>
                    </a:lnTo>
                    <a:lnTo>
                      <a:pt x="4275385" y="6463841"/>
                    </a:lnTo>
                    <a:cubicBezTo>
                      <a:pt x="4278336" y="6451650"/>
                      <a:pt x="4285813" y="6444077"/>
                      <a:pt x="4295315" y="6438981"/>
                    </a:cubicBezTo>
                    <a:close/>
                    <a:moveTo>
                      <a:pt x="4381289" y="6365204"/>
                    </a:moveTo>
                    <a:lnTo>
                      <a:pt x="4380008" y="6387910"/>
                    </a:lnTo>
                    <a:lnTo>
                      <a:pt x="4378243" y="6391549"/>
                    </a:lnTo>
                    <a:lnTo>
                      <a:pt x="4370589" y="6407332"/>
                    </a:lnTo>
                    <a:lnTo>
                      <a:pt x="4370589" y="6407333"/>
                    </a:lnTo>
                    <a:lnTo>
                      <a:pt x="4378243" y="6391549"/>
                    </a:lnTo>
                    <a:lnTo>
                      <a:pt x="4380008" y="6387910"/>
                    </a:lnTo>
                    <a:close/>
                    <a:moveTo>
                      <a:pt x="4142220" y="4221391"/>
                    </a:moveTo>
                    <a:lnTo>
                      <a:pt x="4142220" y="4221392"/>
                    </a:lnTo>
                    <a:cubicBezTo>
                      <a:pt x="4142982" y="4232061"/>
                      <a:pt x="4143172" y="4243873"/>
                      <a:pt x="4147936" y="4253015"/>
                    </a:cubicBezTo>
                    <a:cubicBezTo>
                      <a:pt x="4160129" y="4277402"/>
                      <a:pt x="4175749" y="4300071"/>
                      <a:pt x="4187752" y="4324646"/>
                    </a:cubicBezTo>
                    <a:lnTo>
                      <a:pt x="4196706" y="4363891"/>
                    </a:lnTo>
                    <a:lnTo>
                      <a:pt x="4195944" y="4482004"/>
                    </a:lnTo>
                    <a:cubicBezTo>
                      <a:pt x="4193276" y="4546776"/>
                      <a:pt x="4192704" y="4612500"/>
                      <a:pt x="4135934" y="4659174"/>
                    </a:cubicBezTo>
                    <a:cubicBezTo>
                      <a:pt x="4131362" y="4662986"/>
                      <a:pt x="4128694" y="4671176"/>
                      <a:pt x="4127932" y="4677655"/>
                    </a:cubicBezTo>
                    <a:cubicBezTo>
                      <a:pt x="4124313" y="4707564"/>
                      <a:pt x="4123931" y="4738235"/>
                      <a:pt x="4118025" y="4767764"/>
                    </a:cubicBezTo>
                    <a:cubicBezTo>
                      <a:pt x="4115644" y="4779575"/>
                      <a:pt x="4114835" y="4790387"/>
                      <a:pt x="4116716" y="4800483"/>
                    </a:cubicBezTo>
                    <a:lnTo>
                      <a:pt x="4116716" y="4800484"/>
                    </a:lnTo>
                    <a:cubicBezTo>
                      <a:pt x="4118597" y="4810581"/>
                      <a:pt x="4123170" y="4819964"/>
                      <a:pt x="4131552" y="4828917"/>
                    </a:cubicBezTo>
                    <a:lnTo>
                      <a:pt x="4153733" y="4863343"/>
                    </a:lnTo>
                    <a:lnTo>
                      <a:pt x="4161262" y="4889275"/>
                    </a:lnTo>
                    <a:lnTo>
                      <a:pt x="4159557" y="4912168"/>
                    </a:lnTo>
                    <a:cubicBezTo>
                      <a:pt x="4157842" y="4919978"/>
                      <a:pt x="4157485" y="4927122"/>
                      <a:pt x="4158155" y="4933804"/>
                    </a:cubicBezTo>
                    <a:lnTo>
                      <a:pt x="4158155" y="4933805"/>
                    </a:lnTo>
                    <a:lnTo>
                      <a:pt x="4162914" y="4952673"/>
                    </a:lnTo>
                    <a:lnTo>
                      <a:pt x="4165707" y="4957454"/>
                    </a:lnTo>
                    <a:lnTo>
                      <a:pt x="4166985" y="4961456"/>
                    </a:lnTo>
                    <a:cubicBezTo>
                      <a:pt x="4171496" y="4970097"/>
                      <a:pt x="4177202" y="4978394"/>
                      <a:pt x="4182989" y="4987038"/>
                    </a:cubicBezTo>
                    <a:cubicBezTo>
                      <a:pt x="4194228" y="5003802"/>
                      <a:pt x="4208326" y="5022853"/>
                      <a:pt x="4209468" y="5041522"/>
                    </a:cubicBezTo>
                    <a:cubicBezTo>
                      <a:pt x="4210087" y="5052096"/>
                      <a:pt x="4213005" y="5062300"/>
                      <a:pt x="4216684" y="5072376"/>
                    </a:cubicBezTo>
                    <a:lnTo>
                      <a:pt x="4222587" y="5087441"/>
                    </a:lnTo>
                    <a:lnTo>
                      <a:pt x="4235615" y="5133220"/>
                    </a:lnTo>
                    <a:lnTo>
                      <a:pt x="4235616" y="5133225"/>
                    </a:lnTo>
                    <a:lnTo>
                      <a:pt x="4228901" y="5166113"/>
                    </a:lnTo>
                    <a:lnTo>
                      <a:pt x="4228901" y="5166114"/>
                    </a:lnTo>
                    <a:cubicBezTo>
                      <a:pt x="4228139" y="5167638"/>
                      <a:pt x="4228712" y="5169781"/>
                      <a:pt x="4229593" y="5172091"/>
                    </a:cubicBezTo>
                    <a:lnTo>
                      <a:pt x="4232139" y="5179068"/>
                    </a:lnTo>
                    <a:cubicBezTo>
                      <a:pt x="4235759" y="5196595"/>
                      <a:pt x="4235807" y="5213598"/>
                      <a:pt x="4231973" y="5229434"/>
                    </a:cubicBezTo>
                    <a:lnTo>
                      <a:pt x="4225669" y="5241089"/>
                    </a:lnTo>
                    <a:lnTo>
                      <a:pt x="4208517" y="5272796"/>
                    </a:lnTo>
                    <a:cubicBezTo>
                      <a:pt x="4196871" y="5285441"/>
                      <a:pt x="4189165" y="5298595"/>
                      <a:pt x="4184613" y="5312288"/>
                    </a:cubicBezTo>
                    <a:lnTo>
                      <a:pt x="4183557" y="5321350"/>
                    </a:lnTo>
                    <a:lnTo>
                      <a:pt x="4181083" y="5326163"/>
                    </a:lnTo>
                    <a:lnTo>
                      <a:pt x="4179637" y="5355014"/>
                    </a:lnTo>
                    <a:lnTo>
                      <a:pt x="4179637" y="5355015"/>
                    </a:lnTo>
                    <a:cubicBezTo>
                      <a:pt x="4180286" y="5364883"/>
                      <a:pt x="4181989" y="5375003"/>
                      <a:pt x="4184513" y="5385385"/>
                    </a:cubicBezTo>
                    <a:cubicBezTo>
                      <a:pt x="4187752" y="5398722"/>
                      <a:pt x="4190038" y="5412058"/>
                      <a:pt x="4192704" y="5425583"/>
                    </a:cubicBezTo>
                    <a:cubicBezTo>
                      <a:pt x="4196514" y="5443871"/>
                      <a:pt x="4200516" y="5462352"/>
                      <a:pt x="4204327" y="5480638"/>
                    </a:cubicBezTo>
                    <a:lnTo>
                      <a:pt x="4208850" y="5507668"/>
                    </a:lnTo>
                    <a:lnTo>
                      <a:pt x="4198232" y="5531692"/>
                    </a:lnTo>
                    <a:lnTo>
                      <a:pt x="4198231" y="5531693"/>
                    </a:lnTo>
                    <a:cubicBezTo>
                      <a:pt x="4191181" y="5537600"/>
                      <a:pt x="4187989" y="5542649"/>
                      <a:pt x="4188085" y="5547578"/>
                    </a:cubicBezTo>
                    <a:lnTo>
                      <a:pt x="4188085" y="5547579"/>
                    </a:lnTo>
                    <a:cubicBezTo>
                      <a:pt x="4188180" y="5552508"/>
                      <a:pt x="4191562" y="5557318"/>
                      <a:pt x="4197659" y="5562747"/>
                    </a:cubicBezTo>
                    <a:cubicBezTo>
                      <a:pt x="4240332" y="5600468"/>
                      <a:pt x="4267003" y="5646190"/>
                      <a:pt x="4268907" y="5704484"/>
                    </a:cubicBezTo>
                    <a:cubicBezTo>
                      <a:pt x="4269289" y="5716486"/>
                      <a:pt x="4271954" y="5728679"/>
                      <a:pt x="4274812" y="5740489"/>
                    </a:cubicBezTo>
                    <a:cubicBezTo>
                      <a:pt x="4276527" y="5747729"/>
                      <a:pt x="4278433" y="5756494"/>
                      <a:pt x="4283578" y="5760874"/>
                    </a:cubicBezTo>
                    <a:cubicBezTo>
                      <a:pt x="4322821" y="5794975"/>
                      <a:pt x="4350063" y="5837458"/>
                      <a:pt x="4371973" y="5883752"/>
                    </a:cubicBezTo>
                    <a:lnTo>
                      <a:pt x="4371974" y="5883757"/>
                    </a:lnTo>
                    <a:lnTo>
                      <a:pt x="4389877" y="5935946"/>
                    </a:lnTo>
                    <a:lnTo>
                      <a:pt x="4389878" y="5935950"/>
                    </a:lnTo>
                    <a:lnTo>
                      <a:pt x="4386259" y="5993290"/>
                    </a:lnTo>
                    <a:lnTo>
                      <a:pt x="4386259" y="5993291"/>
                    </a:lnTo>
                    <a:cubicBezTo>
                      <a:pt x="4385116" y="6004531"/>
                      <a:pt x="4385306" y="6017485"/>
                      <a:pt x="4379782" y="6026440"/>
                    </a:cubicBezTo>
                    <a:cubicBezTo>
                      <a:pt x="4362445" y="6054825"/>
                      <a:pt x="4343778" y="6082258"/>
                      <a:pt x="4323583" y="6108738"/>
                    </a:cubicBezTo>
                    <a:cubicBezTo>
                      <a:pt x="4314914" y="6120074"/>
                      <a:pt x="4309961" y="6126884"/>
                      <a:pt x="4309890" y="6133314"/>
                    </a:cubicBezTo>
                    <a:lnTo>
                      <a:pt x="4309890" y="6133315"/>
                    </a:lnTo>
                    <a:lnTo>
                      <a:pt x="4313591" y="6143190"/>
                    </a:lnTo>
                    <a:lnTo>
                      <a:pt x="4325486" y="6155600"/>
                    </a:lnTo>
                    <a:lnTo>
                      <a:pt x="4325488" y="6155603"/>
                    </a:lnTo>
                    <a:cubicBezTo>
                      <a:pt x="4347778" y="6175798"/>
                      <a:pt x="4359398" y="6200945"/>
                      <a:pt x="4364160" y="6228757"/>
                    </a:cubicBezTo>
                    <a:lnTo>
                      <a:pt x="4381497" y="6361540"/>
                    </a:lnTo>
                    <a:lnTo>
                      <a:pt x="4381497" y="6361539"/>
                    </a:lnTo>
                    <a:cubicBezTo>
                      <a:pt x="4377877" y="6317151"/>
                      <a:pt x="4371590" y="6272764"/>
                      <a:pt x="4364160" y="6228756"/>
                    </a:cubicBezTo>
                    <a:cubicBezTo>
                      <a:pt x="4359398" y="6200944"/>
                      <a:pt x="4347778" y="6175797"/>
                      <a:pt x="4325488" y="6155602"/>
                    </a:cubicBezTo>
                    <a:lnTo>
                      <a:pt x="4325486" y="6155600"/>
                    </a:lnTo>
                    <a:lnTo>
                      <a:pt x="4309890" y="6133315"/>
                    </a:lnTo>
                    <a:lnTo>
                      <a:pt x="4323583" y="6108739"/>
                    </a:lnTo>
                    <a:cubicBezTo>
                      <a:pt x="4343778" y="6082259"/>
                      <a:pt x="4362445" y="6054826"/>
                      <a:pt x="4379782" y="6026441"/>
                    </a:cubicBezTo>
                    <a:cubicBezTo>
                      <a:pt x="4385306" y="6017486"/>
                      <a:pt x="4385116" y="6004532"/>
                      <a:pt x="4386259" y="5993292"/>
                    </a:cubicBezTo>
                    <a:lnTo>
                      <a:pt x="4386259" y="5993290"/>
                    </a:lnTo>
                    <a:lnTo>
                      <a:pt x="4389712" y="5964477"/>
                    </a:lnTo>
                    <a:lnTo>
                      <a:pt x="4389878" y="5935950"/>
                    </a:lnTo>
                    <a:lnTo>
                      <a:pt x="4389878" y="5935949"/>
                    </a:lnTo>
                    <a:lnTo>
                      <a:pt x="4389877" y="5935946"/>
                    </a:lnTo>
                    <a:lnTo>
                      <a:pt x="4382997" y="5909351"/>
                    </a:lnTo>
                    <a:lnTo>
                      <a:pt x="4371974" y="5883757"/>
                    </a:lnTo>
                    <a:lnTo>
                      <a:pt x="4371973" y="5883751"/>
                    </a:lnTo>
                    <a:cubicBezTo>
                      <a:pt x="4350063" y="5837457"/>
                      <a:pt x="4322821" y="5794974"/>
                      <a:pt x="4283578" y="5760873"/>
                    </a:cubicBezTo>
                    <a:cubicBezTo>
                      <a:pt x="4278433" y="5756493"/>
                      <a:pt x="4276527" y="5747728"/>
                      <a:pt x="4274812" y="5740488"/>
                    </a:cubicBezTo>
                    <a:cubicBezTo>
                      <a:pt x="4271954" y="5728678"/>
                      <a:pt x="4269289" y="5716485"/>
                      <a:pt x="4268907" y="5704483"/>
                    </a:cubicBezTo>
                    <a:cubicBezTo>
                      <a:pt x="4267003" y="5646189"/>
                      <a:pt x="4240332" y="5600467"/>
                      <a:pt x="4197659" y="5562746"/>
                    </a:cubicBezTo>
                    <a:lnTo>
                      <a:pt x="4188085" y="5547578"/>
                    </a:lnTo>
                    <a:lnTo>
                      <a:pt x="4198231" y="5531694"/>
                    </a:lnTo>
                    <a:lnTo>
                      <a:pt x="4198232" y="5531692"/>
                    </a:lnTo>
                    <a:lnTo>
                      <a:pt x="4206630" y="5520422"/>
                    </a:lnTo>
                    <a:lnTo>
                      <a:pt x="4208850" y="5507668"/>
                    </a:lnTo>
                    <a:lnTo>
                      <a:pt x="4208850" y="5507667"/>
                    </a:lnTo>
                    <a:cubicBezTo>
                      <a:pt x="4208803" y="5498832"/>
                      <a:pt x="4206231" y="5489497"/>
                      <a:pt x="4204327" y="5480637"/>
                    </a:cubicBezTo>
                    <a:cubicBezTo>
                      <a:pt x="4200516" y="5462351"/>
                      <a:pt x="4196514" y="5443870"/>
                      <a:pt x="4192704" y="5425582"/>
                    </a:cubicBezTo>
                    <a:cubicBezTo>
                      <a:pt x="4190038" y="5412057"/>
                      <a:pt x="4187752" y="5398721"/>
                      <a:pt x="4184513" y="5385384"/>
                    </a:cubicBezTo>
                    <a:lnTo>
                      <a:pt x="4179637" y="5355014"/>
                    </a:lnTo>
                    <a:lnTo>
                      <a:pt x="4183557" y="5321350"/>
                    </a:lnTo>
                    <a:lnTo>
                      <a:pt x="4208517" y="5272797"/>
                    </a:lnTo>
                    <a:lnTo>
                      <a:pt x="4225669" y="5241089"/>
                    </a:lnTo>
                    <a:lnTo>
                      <a:pt x="4231973" y="5229433"/>
                    </a:lnTo>
                    <a:lnTo>
                      <a:pt x="4232139" y="5179068"/>
                    </a:lnTo>
                    <a:lnTo>
                      <a:pt x="4232139" y="5179067"/>
                    </a:lnTo>
                    <a:cubicBezTo>
                      <a:pt x="4231663" y="5176876"/>
                      <a:pt x="4230473" y="5174400"/>
                      <a:pt x="4229593" y="5172090"/>
                    </a:cubicBezTo>
                    <a:lnTo>
                      <a:pt x="4228901" y="5166114"/>
                    </a:lnTo>
                    <a:lnTo>
                      <a:pt x="4235616" y="5133225"/>
                    </a:lnTo>
                    <a:lnTo>
                      <a:pt x="4235616" y="5133224"/>
                    </a:lnTo>
                    <a:lnTo>
                      <a:pt x="4235615" y="5133220"/>
                    </a:lnTo>
                    <a:lnTo>
                      <a:pt x="4228473" y="5102461"/>
                    </a:lnTo>
                    <a:lnTo>
                      <a:pt x="4222587" y="5087441"/>
                    </a:lnTo>
                    <a:lnTo>
                      <a:pt x="4222582" y="5087423"/>
                    </a:lnTo>
                    <a:cubicBezTo>
                      <a:pt x="4216496" y="5072411"/>
                      <a:pt x="4210397" y="5057381"/>
                      <a:pt x="4209468" y="5041521"/>
                    </a:cubicBezTo>
                    <a:cubicBezTo>
                      <a:pt x="4208326" y="5022852"/>
                      <a:pt x="4194228" y="5003801"/>
                      <a:pt x="4182989" y="4987037"/>
                    </a:cubicBezTo>
                    <a:lnTo>
                      <a:pt x="4165707" y="4957454"/>
                    </a:lnTo>
                    <a:lnTo>
                      <a:pt x="4158155" y="4933805"/>
                    </a:lnTo>
                    <a:lnTo>
                      <a:pt x="4159557" y="4912169"/>
                    </a:lnTo>
                    <a:cubicBezTo>
                      <a:pt x="4161319" y="4904358"/>
                      <a:pt x="4161831" y="4896714"/>
                      <a:pt x="4161262" y="4889276"/>
                    </a:cubicBezTo>
                    <a:lnTo>
                      <a:pt x="4161262" y="4889275"/>
                    </a:lnTo>
                    <a:lnTo>
                      <a:pt x="4156484" y="4867614"/>
                    </a:lnTo>
                    <a:lnTo>
                      <a:pt x="4153733" y="4863343"/>
                    </a:lnTo>
                    <a:lnTo>
                      <a:pt x="4151983" y="4857317"/>
                    </a:lnTo>
                    <a:cubicBezTo>
                      <a:pt x="4146840" y="4847214"/>
                      <a:pt x="4139839" y="4837703"/>
                      <a:pt x="4131552" y="4828916"/>
                    </a:cubicBezTo>
                    <a:lnTo>
                      <a:pt x="4116716" y="4800483"/>
                    </a:lnTo>
                    <a:lnTo>
                      <a:pt x="4118025" y="4767765"/>
                    </a:lnTo>
                    <a:cubicBezTo>
                      <a:pt x="4123931" y="4738236"/>
                      <a:pt x="4124313" y="4707565"/>
                      <a:pt x="4127932" y="4677656"/>
                    </a:cubicBezTo>
                    <a:cubicBezTo>
                      <a:pt x="4128694" y="4671177"/>
                      <a:pt x="4131362" y="4662987"/>
                      <a:pt x="4135934" y="4659175"/>
                    </a:cubicBezTo>
                    <a:cubicBezTo>
                      <a:pt x="4192704" y="4612501"/>
                      <a:pt x="4193276" y="4546777"/>
                      <a:pt x="4195944" y="4482005"/>
                    </a:cubicBezTo>
                    <a:cubicBezTo>
                      <a:pt x="4197659" y="4442762"/>
                      <a:pt x="4197659" y="4403326"/>
                      <a:pt x="4196706" y="4363891"/>
                    </a:cubicBezTo>
                    <a:lnTo>
                      <a:pt x="4196706" y="4363890"/>
                    </a:lnTo>
                    <a:cubicBezTo>
                      <a:pt x="4196514" y="4350554"/>
                      <a:pt x="4193466" y="4336457"/>
                      <a:pt x="4187752" y="4324645"/>
                    </a:cubicBezTo>
                    <a:cubicBezTo>
                      <a:pt x="4175749" y="4300070"/>
                      <a:pt x="4160129" y="4277401"/>
                      <a:pt x="4147936" y="4253014"/>
                    </a:cubicBezTo>
                    <a:close/>
                    <a:moveTo>
                      <a:pt x="4211111" y="2836172"/>
                    </a:moveTo>
                    <a:lnTo>
                      <a:pt x="4202421" y="2848793"/>
                    </a:lnTo>
                    <a:cubicBezTo>
                      <a:pt x="4197421" y="2865010"/>
                      <a:pt x="4191562" y="2881307"/>
                      <a:pt x="4186816" y="2897785"/>
                    </a:cubicBezTo>
                    <a:lnTo>
                      <a:pt x="4185787" y="2903551"/>
                    </a:lnTo>
                    <a:lnTo>
                      <a:pt x="4182513" y="2914328"/>
                    </a:lnTo>
                    <a:lnTo>
                      <a:pt x="4177882" y="2947858"/>
                    </a:lnTo>
                    <a:lnTo>
                      <a:pt x="4177881" y="2947862"/>
                    </a:lnTo>
                    <a:lnTo>
                      <a:pt x="4177881" y="2947863"/>
                    </a:lnTo>
                    <a:cubicBezTo>
                      <a:pt x="4177512" y="2959157"/>
                      <a:pt x="4178512" y="2970576"/>
                      <a:pt x="4181465" y="2982149"/>
                    </a:cubicBezTo>
                    <a:lnTo>
                      <a:pt x="4193158" y="3077402"/>
                    </a:lnTo>
                    <a:lnTo>
                      <a:pt x="4180703" y="3172654"/>
                    </a:lnTo>
                    <a:cubicBezTo>
                      <a:pt x="4154794" y="3276480"/>
                      <a:pt x="4127362" y="3380305"/>
                      <a:pt x="4133076" y="3489467"/>
                    </a:cubicBezTo>
                    <a:cubicBezTo>
                      <a:pt x="4134028" y="3507563"/>
                      <a:pt x="4122407" y="3529090"/>
                      <a:pt x="4110977" y="3544713"/>
                    </a:cubicBezTo>
                    <a:cubicBezTo>
                      <a:pt x="4100119" y="3559668"/>
                      <a:pt x="4094260" y="3566812"/>
                      <a:pt x="4093355" y="3574408"/>
                    </a:cubicBezTo>
                    <a:lnTo>
                      <a:pt x="4093355" y="3574409"/>
                    </a:lnTo>
                    <a:cubicBezTo>
                      <a:pt x="4092450" y="3582005"/>
                      <a:pt x="4096499" y="3590054"/>
                      <a:pt x="4105453" y="3606818"/>
                    </a:cubicBezTo>
                    <a:cubicBezTo>
                      <a:pt x="4109835" y="3614820"/>
                      <a:pt x="4112501" y="3624726"/>
                      <a:pt x="4118979" y="3630633"/>
                    </a:cubicBezTo>
                    <a:lnTo>
                      <a:pt x="4136708" y="3654416"/>
                    </a:lnTo>
                    <a:lnTo>
                      <a:pt x="4140382" y="3668940"/>
                    </a:lnTo>
                    <a:lnTo>
                      <a:pt x="4143220" y="3680164"/>
                    </a:lnTo>
                    <a:lnTo>
                      <a:pt x="4139172" y="3734837"/>
                    </a:lnTo>
                    <a:lnTo>
                      <a:pt x="4139172" y="3734838"/>
                    </a:lnTo>
                    <a:cubicBezTo>
                      <a:pt x="4138220" y="3741316"/>
                      <a:pt x="4136886" y="3749126"/>
                      <a:pt x="4139554" y="3754653"/>
                    </a:cubicBezTo>
                    <a:lnTo>
                      <a:pt x="4145911" y="3789776"/>
                    </a:lnTo>
                    <a:lnTo>
                      <a:pt x="4130980" y="3822472"/>
                    </a:lnTo>
                    <a:cubicBezTo>
                      <a:pt x="4123932" y="3831902"/>
                      <a:pt x="4118312" y="3842046"/>
                      <a:pt x="4116645" y="3852619"/>
                    </a:cubicBezTo>
                    <a:lnTo>
                      <a:pt x="4116645" y="3852620"/>
                    </a:lnTo>
                    <a:lnTo>
                      <a:pt x="4117425" y="3868764"/>
                    </a:lnTo>
                    <a:lnTo>
                      <a:pt x="4126028" y="3885337"/>
                    </a:lnTo>
                    <a:lnTo>
                      <a:pt x="4126028" y="3885339"/>
                    </a:lnTo>
                    <a:cubicBezTo>
                      <a:pt x="4135744" y="3897722"/>
                      <a:pt x="4143150" y="3910319"/>
                      <a:pt x="4148409" y="3923125"/>
                    </a:cubicBezTo>
                    <a:lnTo>
                      <a:pt x="4157913" y="3962160"/>
                    </a:lnTo>
                    <a:lnTo>
                      <a:pt x="4142221" y="4043838"/>
                    </a:lnTo>
                    <a:lnTo>
                      <a:pt x="4142220" y="4043839"/>
                    </a:lnTo>
                    <a:cubicBezTo>
                      <a:pt x="4133457" y="4063842"/>
                      <a:pt x="4128075" y="4083702"/>
                      <a:pt x="4127099" y="4103825"/>
                    </a:cubicBezTo>
                    <a:lnTo>
                      <a:pt x="4127099" y="4103826"/>
                    </a:lnTo>
                    <a:lnTo>
                      <a:pt x="4129066" y="4134256"/>
                    </a:lnTo>
                    <a:lnTo>
                      <a:pt x="4138410" y="4165382"/>
                    </a:lnTo>
                    <a:lnTo>
                      <a:pt x="4138410" y="4165384"/>
                    </a:lnTo>
                    <a:lnTo>
                      <a:pt x="4142315" y="4192388"/>
                    </a:lnTo>
                    <a:lnTo>
                      <a:pt x="4142315" y="4192387"/>
                    </a:lnTo>
                    <a:cubicBezTo>
                      <a:pt x="4142411" y="4182767"/>
                      <a:pt x="4141839" y="4173480"/>
                      <a:pt x="4138410" y="4165383"/>
                    </a:cubicBezTo>
                    <a:lnTo>
                      <a:pt x="4138410" y="4165382"/>
                    </a:lnTo>
                    <a:lnTo>
                      <a:pt x="4127099" y="4103826"/>
                    </a:lnTo>
                    <a:lnTo>
                      <a:pt x="4142220" y="4043840"/>
                    </a:lnTo>
                    <a:lnTo>
                      <a:pt x="4142221" y="4043838"/>
                    </a:lnTo>
                    <a:lnTo>
                      <a:pt x="4155523" y="4002410"/>
                    </a:lnTo>
                    <a:lnTo>
                      <a:pt x="4157913" y="3962160"/>
                    </a:lnTo>
                    <a:lnTo>
                      <a:pt x="4157913" y="3962159"/>
                    </a:lnTo>
                    <a:cubicBezTo>
                      <a:pt x="4155651" y="3935727"/>
                      <a:pt x="4145460" y="3910104"/>
                      <a:pt x="4126028" y="3885338"/>
                    </a:cubicBezTo>
                    <a:lnTo>
                      <a:pt x="4126028" y="3885337"/>
                    </a:lnTo>
                    <a:lnTo>
                      <a:pt x="4116645" y="3852620"/>
                    </a:lnTo>
                    <a:lnTo>
                      <a:pt x="4130980" y="3822473"/>
                    </a:lnTo>
                    <a:cubicBezTo>
                      <a:pt x="4139172" y="3811614"/>
                      <a:pt x="4144316" y="3800897"/>
                      <a:pt x="4145911" y="3789777"/>
                    </a:cubicBezTo>
                    <a:lnTo>
                      <a:pt x="4145911" y="3789776"/>
                    </a:lnTo>
                    <a:cubicBezTo>
                      <a:pt x="4147507" y="3778655"/>
                      <a:pt x="4145554" y="3767130"/>
                      <a:pt x="4139554" y="3754652"/>
                    </a:cubicBezTo>
                    <a:lnTo>
                      <a:pt x="4139172" y="3734838"/>
                    </a:lnTo>
                    <a:lnTo>
                      <a:pt x="4143220" y="3680164"/>
                    </a:lnTo>
                    <a:lnTo>
                      <a:pt x="4143220" y="3680163"/>
                    </a:lnTo>
                    <a:lnTo>
                      <a:pt x="4140382" y="3668940"/>
                    </a:lnTo>
                    <a:lnTo>
                      <a:pt x="4136708" y="3654416"/>
                    </a:lnTo>
                    <a:lnTo>
                      <a:pt x="4136708" y="3654416"/>
                    </a:lnTo>
                    <a:lnTo>
                      <a:pt x="4136708" y="3654415"/>
                    </a:lnTo>
                    <a:cubicBezTo>
                      <a:pt x="4132898" y="3646123"/>
                      <a:pt x="4127219" y="3638157"/>
                      <a:pt x="4118979" y="3630632"/>
                    </a:cubicBezTo>
                    <a:cubicBezTo>
                      <a:pt x="4112501" y="3624725"/>
                      <a:pt x="4109835" y="3614819"/>
                      <a:pt x="4105453" y="3606817"/>
                    </a:cubicBezTo>
                    <a:cubicBezTo>
                      <a:pt x="4100976" y="3598435"/>
                      <a:pt x="4097725" y="3592232"/>
                      <a:pt x="4095707" y="3587174"/>
                    </a:cubicBezTo>
                    <a:lnTo>
                      <a:pt x="4093355" y="3574408"/>
                    </a:lnTo>
                    <a:lnTo>
                      <a:pt x="4098434" y="3562321"/>
                    </a:lnTo>
                    <a:cubicBezTo>
                      <a:pt x="4101369" y="3557716"/>
                      <a:pt x="4105548" y="3552191"/>
                      <a:pt x="4110977" y="3544714"/>
                    </a:cubicBezTo>
                    <a:cubicBezTo>
                      <a:pt x="4122407" y="3529091"/>
                      <a:pt x="4134028" y="3507564"/>
                      <a:pt x="4133076" y="3489468"/>
                    </a:cubicBezTo>
                    <a:cubicBezTo>
                      <a:pt x="4127362" y="3380306"/>
                      <a:pt x="4154794" y="3276481"/>
                      <a:pt x="4180703" y="3172655"/>
                    </a:cubicBezTo>
                    <a:cubicBezTo>
                      <a:pt x="4188705" y="3140650"/>
                      <a:pt x="4192943" y="3109026"/>
                      <a:pt x="4193158" y="3077402"/>
                    </a:cubicBezTo>
                    <a:lnTo>
                      <a:pt x="4193158" y="3077401"/>
                    </a:lnTo>
                    <a:cubicBezTo>
                      <a:pt x="4193372" y="3045777"/>
                      <a:pt x="4189562" y="3014153"/>
                      <a:pt x="4181465" y="2982148"/>
                    </a:cubicBezTo>
                    <a:lnTo>
                      <a:pt x="4177881" y="2947863"/>
                    </a:lnTo>
                    <a:lnTo>
                      <a:pt x="4177882" y="2947858"/>
                    </a:lnTo>
                    <a:lnTo>
                      <a:pt x="4185787" y="2903551"/>
                    </a:lnTo>
                    <a:lnTo>
                      <a:pt x="4202421" y="2848794"/>
                    </a:lnTo>
                    <a:cubicBezTo>
                      <a:pt x="4203754" y="2844317"/>
                      <a:pt x="4207040" y="2839983"/>
                      <a:pt x="4211111" y="2836173"/>
                    </a:cubicBezTo>
                    <a:close/>
                    <a:moveTo>
                      <a:pt x="3726625" y="1508458"/>
                    </a:moveTo>
                    <a:lnTo>
                      <a:pt x="3698531" y="1596214"/>
                    </a:lnTo>
                    <a:cubicBezTo>
                      <a:pt x="3696054" y="1604979"/>
                      <a:pt x="3697579" y="1615837"/>
                      <a:pt x="3700436" y="1624981"/>
                    </a:cubicBezTo>
                    <a:cubicBezTo>
                      <a:pt x="3710152" y="1656224"/>
                      <a:pt x="3734537" y="1676037"/>
                      <a:pt x="3757017" y="1697754"/>
                    </a:cubicBezTo>
                    <a:cubicBezTo>
                      <a:pt x="3766924" y="1707280"/>
                      <a:pt x="3773972" y="1720424"/>
                      <a:pt x="3779686" y="1733189"/>
                    </a:cubicBezTo>
                    <a:cubicBezTo>
                      <a:pt x="3794357" y="1766336"/>
                      <a:pt x="3807501" y="1800247"/>
                      <a:pt x="3821407" y="1833776"/>
                    </a:cubicBezTo>
                    <a:cubicBezTo>
                      <a:pt x="3822741" y="1837014"/>
                      <a:pt x="3826170" y="1839680"/>
                      <a:pt x="3829028" y="1842159"/>
                    </a:cubicBezTo>
                    <a:cubicBezTo>
                      <a:pt x="3859129" y="1866923"/>
                      <a:pt x="3889418" y="1891498"/>
                      <a:pt x="3919519" y="1916455"/>
                    </a:cubicBezTo>
                    <a:cubicBezTo>
                      <a:pt x="3925233" y="1921217"/>
                      <a:pt x="3929425" y="1928077"/>
                      <a:pt x="3934949" y="1933220"/>
                    </a:cubicBezTo>
                    <a:cubicBezTo>
                      <a:pt x="3942569" y="1940460"/>
                      <a:pt x="3949810" y="1949604"/>
                      <a:pt x="3958954" y="1953414"/>
                    </a:cubicBezTo>
                    <a:cubicBezTo>
                      <a:pt x="3987719" y="1965225"/>
                      <a:pt x="4000103" y="1987895"/>
                      <a:pt x="4005437" y="2016470"/>
                    </a:cubicBezTo>
                    <a:cubicBezTo>
                      <a:pt x="4010390" y="2042571"/>
                      <a:pt x="4014582" y="2068670"/>
                      <a:pt x="4020296" y="2094579"/>
                    </a:cubicBezTo>
                    <a:cubicBezTo>
                      <a:pt x="4027154" y="2126202"/>
                      <a:pt x="4034584" y="2157637"/>
                      <a:pt x="4042967" y="2188880"/>
                    </a:cubicBezTo>
                    <a:cubicBezTo>
                      <a:pt x="4046587" y="2202405"/>
                      <a:pt x="4050777" y="2216693"/>
                      <a:pt x="4058207" y="2228315"/>
                    </a:cubicBezTo>
                    <a:cubicBezTo>
                      <a:pt x="4078782" y="2260891"/>
                      <a:pt x="4092688" y="2295754"/>
                      <a:pt x="4087164" y="2334045"/>
                    </a:cubicBezTo>
                    <a:cubicBezTo>
                      <a:pt x="4082782" y="2364716"/>
                      <a:pt x="4094022" y="2390435"/>
                      <a:pt x="4111549" y="2409486"/>
                    </a:cubicBezTo>
                    <a:cubicBezTo>
                      <a:pt x="4119503" y="2418155"/>
                      <a:pt x="4125016" y="2426977"/>
                      <a:pt x="4128650" y="2435913"/>
                    </a:cubicBezTo>
                    <a:lnTo>
                      <a:pt x="4134481" y="2463018"/>
                    </a:lnTo>
                    <a:lnTo>
                      <a:pt x="4125839" y="2518262"/>
                    </a:lnTo>
                    <a:lnTo>
                      <a:pt x="4125838" y="2518264"/>
                    </a:lnTo>
                    <a:cubicBezTo>
                      <a:pt x="4123171" y="2527790"/>
                      <a:pt x="4122027" y="2536457"/>
                      <a:pt x="4122194" y="2545006"/>
                    </a:cubicBezTo>
                    <a:lnTo>
                      <a:pt x="4122194" y="2545007"/>
                    </a:lnTo>
                    <a:cubicBezTo>
                      <a:pt x="4122360" y="2553556"/>
                      <a:pt x="4123837" y="2561986"/>
                      <a:pt x="4126408" y="2571035"/>
                    </a:cubicBezTo>
                    <a:cubicBezTo>
                      <a:pt x="4138410" y="2612946"/>
                      <a:pt x="4170987" y="2640951"/>
                      <a:pt x="4199563" y="2668002"/>
                    </a:cubicBezTo>
                    <a:cubicBezTo>
                      <a:pt x="4223947" y="2691055"/>
                      <a:pt x="4237663" y="2716964"/>
                      <a:pt x="4247953" y="2745349"/>
                    </a:cubicBezTo>
                    <a:lnTo>
                      <a:pt x="4247954" y="2745352"/>
                    </a:lnTo>
                    <a:lnTo>
                      <a:pt x="4253873" y="2778006"/>
                    </a:lnTo>
                    <a:lnTo>
                      <a:pt x="4253453" y="2785440"/>
                    </a:lnTo>
                    <a:lnTo>
                      <a:pt x="4243374" y="2811780"/>
                    </a:lnTo>
                    <a:lnTo>
                      <a:pt x="4243371" y="2811787"/>
                    </a:lnTo>
                    <a:lnTo>
                      <a:pt x="4243372" y="2811787"/>
                    </a:lnTo>
                    <a:lnTo>
                      <a:pt x="4243374" y="2811780"/>
                    </a:lnTo>
                    <a:lnTo>
                      <a:pt x="4253025" y="2793023"/>
                    </a:lnTo>
                    <a:lnTo>
                      <a:pt x="4253453" y="2785440"/>
                    </a:lnTo>
                    <a:lnTo>
                      <a:pt x="4254654" y="2782305"/>
                    </a:lnTo>
                    <a:lnTo>
                      <a:pt x="4253873" y="2778006"/>
                    </a:lnTo>
                    <a:lnTo>
                      <a:pt x="4254284" y="2770758"/>
                    </a:lnTo>
                    <a:lnTo>
                      <a:pt x="4247954" y="2745352"/>
                    </a:lnTo>
                    <a:lnTo>
                      <a:pt x="4247953" y="2745348"/>
                    </a:lnTo>
                    <a:cubicBezTo>
                      <a:pt x="4237663" y="2716963"/>
                      <a:pt x="4223947" y="2691054"/>
                      <a:pt x="4199563" y="2668001"/>
                    </a:cubicBezTo>
                    <a:cubicBezTo>
                      <a:pt x="4170987" y="2640950"/>
                      <a:pt x="4138410" y="2612945"/>
                      <a:pt x="4126408" y="2571034"/>
                    </a:cubicBezTo>
                    <a:lnTo>
                      <a:pt x="4122194" y="2545007"/>
                    </a:lnTo>
                    <a:lnTo>
                      <a:pt x="4125838" y="2518265"/>
                    </a:lnTo>
                    <a:lnTo>
                      <a:pt x="4125839" y="2518262"/>
                    </a:lnTo>
                    <a:lnTo>
                      <a:pt x="4132419" y="2490551"/>
                    </a:lnTo>
                    <a:lnTo>
                      <a:pt x="4134481" y="2463018"/>
                    </a:lnTo>
                    <a:lnTo>
                      <a:pt x="4134481" y="2463017"/>
                    </a:lnTo>
                    <a:cubicBezTo>
                      <a:pt x="4133600" y="2444777"/>
                      <a:pt x="4127457" y="2426822"/>
                      <a:pt x="4111549" y="2409485"/>
                    </a:cubicBezTo>
                    <a:cubicBezTo>
                      <a:pt x="4094022" y="2390434"/>
                      <a:pt x="4082782" y="2364715"/>
                      <a:pt x="4087164" y="2334044"/>
                    </a:cubicBezTo>
                    <a:cubicBezTo>
                      <a:pt x="4092688" y="2295753"/>
                      <a:pt x="4078782" y="2260890"/>
                      <a:pt x="4058207" y="2228314"/>
                    </a:cubicBezTo>
                    <a:cubicBezTo>
                      <a:pt x="4050777" y="2216692"/>
                      <a:pt x="4046587" y="2202404"/>
                      <a:pt x="4042967" y="2188879"/>
                    </a:cubicBezTo>
                    <a:cubicBezTo>
                      <a:pt x="4034584" y="2157636"/>
                      <a:pt x="4027154" y="2126201"/>
                      <a:pt x="4020296" y="2094578"/>
                    </a:cubicBezTo>
                    <a:cubicBezTo>
                      <a:pt x="4014582" y="2068669"/>
                      <a:pt x="4010390" y="2042570"/>
                      <a:pt x="4005437" y="2016469"/>
                    </a:cubicBezTo>
                    <a:cubicBezTo>
                      <a:pt x="4000103" y="1987894"/>
                      <a:pt x="3987719" y="1965224"/>
                      <a:pt x="3958954" y="1953413"/>
                    </a:cubicBezTo>
                    <a:cubicBezTo>
                      <a:pt x="3949810" y="1949603"/>
                      <a:pt x="3942569" y="1940459"/>
                      <a:pt x="3934949" y="1933219"/>
                    </a:cubicBezTo>
                    <a:cubicBezTo>
                      <a:pt x="3929425" y="1928076"/>
                      <a:pt x="3925233" y="1921216"/>
                      <a:pt x="3919519" y="1916454"/>
                    </a:cubicBezTo>
                    <a:cubicBezTo>
                      <a:pt x="3889418" y="1891497"/>
                      <a:pt x="3859129" y="1866922"/>
                      <a:pt x="3829028" y="1842158"/>
                    </a:cubicBezTo>
                    <a:cubicBezTo>
                      <a:pt x="3826170" y="1839679"/>
                      <a:pt x="3822741" y="1837013"/>
                      <a:pt x="3821407" y="1833775"/>
                    </a:cubicBezTo>
                    <a:cubicBezTo>
                      <a:pt x="3807501" y="1800246"/>
                      <a:pt x="3794358" y="1766335"/>
                      <a:pt x="3779686" y="1733188"/>
                    </a:cubicBezTo>
                    <a:cubicBezTo>
                      <a:pt x="3773972" y="1720423"/>
                      <a:pt x="3766924" y="1707279"/>
                      <a:pt x="3757018" y="1697753"/>
                    </a:cubicBezTo>
                    <a:cubicBezTo>
                      <a:pt x="3734538" y="1676036"/>
                      <a:pt x="3710152" y="1656223"/>
                      <a:pt x="3700436" y="1624980"/>
                    </a:cubicBezTo>
                    <a:cubicBezTo>
                      <a:pt x="3697580" y="1615836"/>
                      <a:pt x="3696055" y="1604978"/>
                      <a:pt x="3698532" y="1596213"/>
                    </a:cubicBezTo>
                    <a:close/>
                    <a:moveTo>
                      <a:pt x="3745230" y="1459073"/>
                    </a:moveTo>
                    <a:lnTo>
                      <a:pt x="3745229" y="1459074"/>
                    </a:lnTo>
                    <a:lnTo>
                      <a:pt x="3736012" y="1481572"/>
                    </a:lnTo>
                    <a:close/>
                    <a:moveTo>
                      <a:pt x="3764423" y="1268758"/>
                    </a:moveTo>
                    <a:cubicBezTo>
                      <a:pt x="3764875" y="1275402"/>
                      <a:pt x="3766447" y="1281689"/>
                      <a:pt x="3769590" y="1286070"/>
                    </a:cubicBezTo>
                    <a:cubicBezTo>
                      <a:pt x="3784163" y="1306930"/>
                      <a:pt x="3790403" y="1328553"/>
                      <a:pt x="3791927" y="1350628"/>
                    </a:cubicBezTo>
                    <a:lnTo>
                      <a:pt x="3786333" y="1413840"/>
                    </a:lnTo>
                    <a:lnTo>
                      <a:pt x="3791928" y="1350627"/>
                    </a:lnTo>
                    <a:cubicBezTo>
                      <a:pt x="3790403" y="1328552"/>
                      <a:pt x="3784164" y="1306930"/>
                      <a:pt x="3769590" y="1286069"/>
                    </a:cubicBezTo>
                    <a:close/>
                    <a:moveTo>
                      <a:pt x="3706152" y="773035"/>
                    </a:moveTo>
                    <a:lnTo>
                      <a:pt x="3706152" y="773036"/>
                    </a:lnTo>
                    <a:cubicBezTo>
                      <a:pt x="3708438" y="800277"/>
                      <a:pt x="3711676" y="827330"/>
                      <a:pt x="3714152" y="854380"/>
                    </a:cubicBezTo>
                    <a:cubicBezTo>
                      <a:pt x="3716438" y="878957"/>
                      <a:pt x="3717200" y="903723"/>
                      <a:pt x="3745205" y="915344"/>
                    </a:cubicBezTo>
                    <a:cubicBezTo>
                      <a:pt x="3749587" y="917060"/>
                      <a:pt x="3752825" y="922774"/>
                      <a:pt x="3755683" y="927156"/>
                    </a:cubicBezTo>
                    <a:cubicBezTo>
                      <a:pt x="3799691" y="994786"/>
                      <a:pt x="3798547" y="1030981"/>
                      <a:pt x="3752063" y="1097088"/>
                    </a:cubicBezTo>
                    <a:cubicBezTo>
                      <a:pt x="3747301" y="1103946"/>
                      <a:pt x="3743871" y="1118614"/>
                      <a:pt x="3747681" y="1123186"/>
                    </a:cubicBezTo>
                    <a:cubicBezTo>
                      <a:pt x="3763493" y="1142618"/>
                      <a:pt x="3770542" y="1162954"/>
                      <a:pt x="3772400" y="1184029"/>
                    </a:cubicBezTo>
                    <a:cubicBezTo>
                      <a:pt x="3770542" y="1162954"/>
                      <a:pt x="3763494" y="1142617"/>
                      <a:pt x="3747682" y="1123185"/>
                    </a:cubicBezTo>
                    <a:cubicBezTo>
                      <a:pt x="3743872" y="1118613"/>
                      <a:pt x="3747302" y="1103945"/>
                      <a:pt x="3752064" y="1097087"/>
                    </a:cubicBezTo>
                    <a:cubicBezTo>
                      <a:pt x="3798548" y="1030980"/>
                      <a:pt x="3799692" y="994785"/>
                      <a:pt x="3755684" y="927155"/>
                    </a:cubicBezTo>
                    <a:cubicBezTo>
                      <a:pt x="3752826" y="922773"/>
                      <a:pt x="3749588" y="917059"/>
                      <a:pt x="3745206" y="915343"/>
                    </a:cubicBezTo>
                    <a:cubicBezTo>
                      <a:pt x="3717200" y="903722"/>
                      <a:pt x="3716438" y="878956"/>
                      <a:pt x="3714152" y="854379"/>
                    </a:cubicBezTo>
                    <a:close/>
                    <a:moveTo>
                      <a:pt x="3761553" y="517851"/>
                    </a:moveTo>
                    <a:lnTo>
                      <a:pt x="3752635" y="556048"/>
                    </a:lnTo>
                    <a:cubicBezTo>
                      <a:pt x="3750539" y="564049"/>
                      <a:pt x="3745015" y="572623"/>
                      <a:pt x="3746157" y="580051"/>
                    </a:cubicBezTo>
                    <a:cubicBezTo>
                      <a:pt x="3749491" y="601579"/>
                      <a:pt x="3747062" y="622201"/>
                      <a:pt x="3742776" y="642538"/>
                    </a:cubicBezTo>
                    <a:lnTo>
                      <a:pt x="3730253" y="694928"/>
                    </a:lnTo>
                    <a:lnTo>
                      <a:pt x="3742777" y="642537"/>
                    </a:lnTo>
                    <a:cubicBezTo>
                      <a:pt x="3747063" y="622201"/>
                      <a:pt x="3749492" y="601578"/>
                      <a:pt x="3746158" y="580050"/>
                    </a:cubicBezTo>
                    <a:cubicBezTo>
                      <a:pt x="3745016" y="572622"/>
                      <a:pt x="3750540" y="564048"/>
                      <a:pt x="3752636" y="556047"/>
                    </a:cubicBezTo>
                    <a:close/>
                    <a:moveTo>
                      <a:pt x="3774848" y="298169"/>
                    </a:moveTo>
                    <a:lnTo>
                      <a:pt x="3760065" y="313534"/>
                    </a:lnTo>
                    <a:cubicBezTo>
                      <a:pt x="3755873" y="316390"/>
                      <a:pt x="3758159" y="330299"/>
                      <a:pt x="3759493" y="338871"/>
                    </a:cubicBezTo>
                    <a:lnTo>
                      <a:pt x="3759500" y="338900"/>
                    </a:lnTo>
                    <a:lnTo>
                      <a:pt x="3769400" y="395640"/>
                    </a:lnTo>
                    <a:lnTo>
                      <a:pt x="3765590" y="367328"/>
                    </a:lnTo>
                    <a:lnTo>
                      <a:pt x="3759500" y="338900"/>
                    </a:lnTo>
                    <a:lnTo>
                      <a:pt x="3759494" y="338870"/>
                    </a:lnTo>
                    <a:cubicBezTo>
                      <a:pt x="3758160" y="330298"/>
                      <a:pt x="3755874" y="316389"/>
                      <a:pt x="3760066" y="313533"/>
                    </a:cubicBezTo>
                    <a:close/>
                    <a:moveTo>
                      <a:pt x="3782393" y="281568"/>
                    </a:moveTo>
                    <a:lnTo>
                      <a:pt x="3777498" y="295415"/>
                    </a:lnTo>
                    <a:lnTo>
                      <a:pt x="3777499" y="295415"/>
                    </a:lnTo>
                    <a:close/>
                    <a:moveTo>
                      <a:pt x="3769073" y="24486"/>
                    </a:moveTo>
                    <a:lnTo>
                      <a:pt x="3766810" y="74129"/>
                    </a:lnTo>
                    <a:cubicBezTo>
                      <a:pt x="3767733" y="91492"/>
                      <a:pt x="3770043" y="108703"/>
                      <a:pt x="3772734" y="125861"/>
                    </a:cubicBezTo>
                    <a:lnTo>
                      <a:pt x="3777129" y="153387"/>
                    </a:lnTo>
                    <a:lnTo>
                      <a:pt x="3785402" y="228944"/>
                    </a:lnTo>
                    <a:lnTo>
                      <a:pt x="3780943" y="177271"/>
                    </a:lnTo>
                    <a:lnTo>
                      <a:pt x="3777129" y="153387"/>
                    </a:lnTo>
                    <a:lnTo>
                      <a:pt x="3776930" y="151569"/>
                    </a:lnTo>
                    <a:cubicBezTo>
                      <a:pt x="3772700" y="125876"/>
                      <a:pt x="3768195" y="100174"/>
                      <a:pt x="3766811" y="74129"/>
                    </a:cubicBezTo>
                    <a:close/>
                    <a:moveTo>
                      <a:pt x="3766492" y="0"/>
                    </a:moveTo>
                    <a:lnTo>
                      <a:pt x="4230600" y="0"/>
                    </a:lnTo>
                    <a:lnTo>
                      <a:pt x="4229473" y="2817"/>
                    </a:lnTo>
                    <a:cubicBezTo>
                      <a:pt x="4221092" y="21486"/>
                      <a:pt x="4218423" y="43012"/>
                      <a:pt x="4215375" y="63587"/>
                    </a:cubicBezTo>
                    <a:cubicBezTo>
                      <a:pt x="4209851" y="101308"/>
                      <a:pt x="4206421" y="139219"/>
                      <a:pt x="4201468" y="176939"/>
                    </a:cubicBezTo>
                    <a:cubicBezTo>
                      <a:pt x="4200325" y="184941"/>
                      <a:pt x="4198231" y="194085"/>
                      <a:pt x="4193466" y="200182"/>
                    </a:cubicBezTo>
                    <a:cubicBezTo>
                      <a:pt x="4161461" y="241901"/>
                      <a:pt x="4152508" y="292579"/>
                      <a:pt x="4155554" y="340774"/>
                    </a:cubicBezTo>
                    <a:cubicBezTo>
                      <a:pt x="4157843" y="378686"/>
                      <a:pt x="4159557" y="415835"/>
                      <a:pt x="4156319" y="453364"/>
                    </a:cubicBezTo>
                    <a:cubicBezTo>
                      <a:pt x="4156127" y="456222"/>
                      <a:pt x="4156509" y="460032"/>
                      <a:pt x="4158033" y="462126"/>
                    </a:cubicBezTo>
                    <a:cubicBezTo>
                      <a:pt x="4168129" y="475081"/>
                      <a:pt x="4168891" y="488607"/>
                      <a:pt x="4170605" y="505182"/>
                    </a:cubicBezTo>
                    <a:cubicBezTo>
                      <a:pt x="4173083" y="528615"/>
                      <a:pt x="4171367" y="550141"/>
                      <a:pt x="4167177" y="571860"/>
                    </a:cubicBezTo>
                    <a:cubicBezTo>
                      <a:pt x="4164129" y="587672"/>
                      <a:pt x="4157843" y="603673"/>
                      <a:pt x="4149840" y="617772"/>
                    </a:cubicBezTo>
                    <a:cubicBezTo>
                      <a:pt x="4138600" y="637392"/>
                      <a:pt x="4134220" y="656255"/>
                      <a:pt x="4149078" y="674923"/>
                    </a:cubicBezTo>
                    <a:cubicBezTo>
                      <a:pt x="4164891" y="695116"/>
                      <a:pt x="4159367" y="717977"/>
                      <a:pt x="4159937" y="740268"/>
                    </a:cubicBezTo>
                    <a:cubicBezTo>
                      <a:pt x="4160129" y="749982"/>
                      <a:pt x="4159747" y="760270"/>
                      <a:pt x="4162223" y="769605"/>
                    </a:cubicBezTo>
                    <a:cubicBezTo>
                      <a:pt x="4169273" y="796655"/>
                      <a:pt x="4179941" y="822756"/>
                      <a:pt x="4184703" y="850189"/>
                    </a:cubicBezTo>
                    <a:cubicBezTo>
                      <a:pt x="4187370" y="865430"/>
                      <a:pt x="4182607" y="882384"/>
                      <a:pt x="4179179" y="898198"/>
                    </a:cubicBezTo>
                    <a:cubicBezTo>
                      <a:pt x="4175559" y="914200"/>
                      <a:pt x="4170035" y="930011"/>
                      <a:pt x="4164319" y="945444"/>
                    </a:cubicBezTo>
                    <a:cubicBezTo>
                      <a:pt x="4160509" y="955920"/>
                      <a:pt x="4156889" y="967350"/>
                      <a:pt x="4150030" y="975733"/>
                    </a:cubicBezTo>
                    <a:cubicBezTo>
                      <a:pt x="4134410" y="994785"/>
                      <a:pt x="4131742" y="1014406"/>
                      <a:pt x="4139934" y="1036887"/>
                    </a:cubicBezTo>
                    <a:cubicBezTo>
                      <a:pt x="4141268" y="1040315"/>
                      <a:pt x="4141268" y="1044315"/>
                      <a:pt x="4141458" y="1048125"/>
                    </a:cubicBezTo>
                    <a:cubicBezTo>
                      <a:pt x="4145458" y="1109091"/>
                      <a:pt x="4147936" y="1170051"/>
                      <a:pt x="4154032" y="1230633"/>
                    </a:cubicBezTo>
                    <a:cubicBezTo>
                      <a:pt x="4156509" y="1255206"/>
                      <a:pt x="4167367" y="1278829"/>
                      <a:pt x="4174225" y="1303024"/>
                    </a:cubicBezTo>
                    <a:cubicBezTo>
                      <a:pt x="4175559" y="1307978"/>
                      <a:pt x="4177655" y="1313504"/>
                      <a:pt x="4176701" y="1318456"/>
                    </a:cubicBezTo>
                    <a:cubicBezTo>
                      <a:pt x="4167177" y="1372368"/>
                      <a:pt x="4181083" y="1422854"/>
                      <a:pt x="4199372" y="1472575"/>
                    </a:cubicBezTo>
                    <a:cubicBezTo>
                      <a:pt x="4201278" y="1477717"/>
                      <a:pt x="4200706" y="1484004"/>
                      <a:pt x="4200325" y="1489720"/>
                    </a:cubicBezTo>
                    <a:cubicBezTo>
                      <a:pt x="4198993" y="1505724"/>
                      <a:pt x="4192324" y="1523059"/>
                      <a:pt x="4196324" y="1537537"/>
                    </a:cubicBezTo>
                    <a:cubicBezTo>
                      <a:pt x="4207374" y="1576019"/>
                      <a:pt x="4220709" y="1614120"/>
                      <a:pt x="4237474" y="1650317"/>
                    </a:cubicBezTo>
                    <a:cubicBezTo>
                      <a:pt x="4254428" y="1687086"/>
                      <a:pt x="4268716" y="1721185"/>
                      <a:pt x="4251572" y="1763287"/>
                    </a:cubicBezTo>
                    <a:cubicBezTo>
                      <a:pt x="4244332" y="1781194"/>
                      <a:pt x="4249476" y="1804816"/>
                      <a:pt x="4251380" y="1825393"/>
                    </a:cubicBezTo>
                    <a:cubicBezTo>
                      <a:pt x="4252904" y="1840441"/>
                      <a:pt x="4261478" y="1854920"/>
                      <a:pt x="4261478" y="1869780"/>
                    </a:cubicBezTo>
                    <a:cubicBezTo>
                      <a:pt x="4261478" y="1909408"/>
                      <a:pt x="4271574" y="1944649"/>
                      <a:pt x="4292149" y="1978940"/>
                    </a:cubicBezTo>
                    <a:cubicBezTo>
                      <a:pt x="4300150" y="1992279"/>
                      <a:pt x="4294815" y="2013043"/>
                      <a:pt x="4296911" y="2030378"/>
                    </a:cubicBezTo>
                    <a:cubicBezTo>
                      <a:pt x="4299388" y="2048668"/>
                      <a:pt x="4301673" y="2067525"/>
                      <a:pt x="4307201" y="2085054"/>
                    </a:cubicBezTo>
                    <a:cubicBezTo>
                      <a:pt x="4321679" y="2130393"/>
                      <a:pt x="4338062" y="2175163"/>
                      <a:pt x="4353302" y="2220312"/>
                    </a:cubicBezTo>
                    <a:cubicBezTo>
                      <a:pt x="4365877" y="2257459"/>
                      <a:pt x="4355970" y="2294039"/>
                      <a:pt x="4350636" y="2330806"/>
                    </a:cubicBezTo>
                    <a:cubicBezTo>
                      <a:pt x="4347205" y="2353859"/>
                      <a:pt x="4339013" y="2375383"/>
                      <a:pt x="4351206" y="2401292"/>
                    </a:cubicBezTo>
                    <a:cubicBezTo>
                      <a:pt x="4362828" y="2426059"/>
                      <a:pt x="4360160" y="2457492"/>
                      <a:pt x="4366446" y="2485307"/>
                    </a:cubicBezTo>
                    <a:cubicBezTo>
                      <a:pt x="4371781" y="2508742"/>
                      <a:pt x="4380354" y="2531409"/>
                      <a:pt x="4388736" y="2554079"/>
                    </a:cubicBezTo>
                    <a:cubicBezTo>
                      <a:pt x="4400168" y="2584942"/>
                      <a:pt x="4412167" y="2615421"/>
                      <a:pt x="4406453" y="2649143"/>
                    </a:cubicBezTo>
                    <a:cubicBezTo>
                      <a:pt x="4399976" y="2687436"/>
                      <a:pt x="4424359" y="2713723"/>
                      <a:pt x="4440554" y="2743826"/>
                    </a:cubicBezTo>
                    <a:cubicBezTo>
                      <a:pt x="4451603" y="2764590"/>
                      <a:pt x="4459795" y="2787259"/>
                      <a:pt x="4466653" y="2809930"/>
                    </a:cubicBezTo>
                    <a:cubicBezTo>
                      <a:pt x="4475607" y="2840219"/>
                      <a:pt x="4480941" y="2871462"/>
                      <a:pt x="4489705" y="2901943"/>
                    </a:cubicBezTo>
                    <a:cubicBezTo>
                      <a:pt x="4502848" y="2948047"/>
                      <a:pt x="4513137" y="2994722"/>
                      <a:pt x="4505897" y="3042728"/>
                    </a:cubicBezTo>
                    <a:cubicBezTo>
                      <a:pt x="4502659" y="3064827"/>
                      <a:pt x="4502848" y="3085403"/>
                      <a:pt x="4507613" y="3107500"/>
                    </a:cubicBezTo>
                    <a:cubicBezTo>
                      <a:pt x="4515422" y="3143695"/>
                      <a:pt x="4516376" y="3180844"/>
                      <a:pt x="4545521" y="3209993"/>
                    </a:cubicBezTo>
                    <a:cubicBezTo>
                      <a:pt x="4555811" y="3220280"/>
                      <a:pt x="4558477" y="3238758"/>
                      <a:pt x="4563811" y="3253809"/>
                    </a:cubicBezTo>
                    <a:cubicBezTo>
                      <a:pt x="4570099" y="3271145"/>
                      <a:pt x="4566858" y="3283908"/>
                      <a:pt x="4548570" y="3293244"/>
                    </a:cubicBezTo>
                    <a:cubicBezTo>
                      <a:pt x="4540379" y="3297434"/>
                      <a:pt x="4532378" y="3309437"/>
                      <a:pt x="4531043" y="3318771"/>
                    </a:cubicBezTo>
                    <a:cubicBezTo>
                      <a:pt x="4527043" y="3346776"/>
                      <a:pt x="4532950" y="3372495"/>
                      <a:pt x="4545904" y="3399546"/>
                    </a:cubicBezTo>
                    <a:cubicBezTo>
                      <a:pt x="4558096" y="3424883"/>
                      <a:pt x="4556762" y="3456508"/>
                      <a:pt x="4561524" y="3485275"/>
                    </a:cubicBezTo>
                    <a:cubicBezTo>
                      <a:pt x="4564954" y="3505657"/>
                      <a:pt x="4572002" y="3526042"/>
                      <a:pt x="4572002" y="3546617"/>
                    </a:cubicBezTo>
                    <a:cubicBezTo>
                      <a:pt x="4572002" y="3572146"/>
                      <a:pt x="4565907" y="3597482"/>
                      <a:pt x="4563620" y="3623201"/>
                    </a:cubicBezTo>
                    <a:cubicBezTo>
                      <a:pt x="4561716" y="3643204"/>
                      <a:pt x="4562478" y="3663589"/>
                      <a:pt x="4560192" y="3683591"/>
                    </a:cubicBezTo>
                    <a:cubicBezTo>
                      <a:pt x="4558477" y="3699976"/>
                      <a:pt x="4554096" y="3716168"/>
                      <a:pt x="4550476" y="3732361"/>
                    </a:cubicBezTo>
                    <a:cubicBezTo>
                      <a:pt x="4549142" y="3738267"/>
                      <a:pt x="4543998" y="3744173"/>
                      <a:pt x="4544759" y="3749506"/>
                    </a:cubicBezTo>
                    <a:cubicBezTo>
                      <a:pt x="4552953" y="3802467"/>
                      <a:pt x="4516376" y="3840569"/>
                      <a:pt x="4500182" y="3885338"/>
                    </a:cubicBezTo>
                    <a:cubicBezTo>
                      <a:pt x="4483035" y="3932394"/>
                      <a:pt x="4456748" y="3977925"/>
                      <a:pt x="4464557" y="4030503"/>
                    </a:cubicBezTo>
                    <a:cubicBezTo>
                      <a:pt x="4469319" y="4062318"/>
                      <a:pt x="4480369" y="4092989"/>
                      <a:pt x="4487039" y="4124614"/>
                    </a:cubicBezTo>
                    <a:cubicBezTo>
                      <a:pt x="4489324" y="4135854"/>
                      <a:pt x="4488943" y="4148427"/>
                      <a:pt x="4486656" y="4159667"/>
                    </a:cubicBezTo>
                    <a:cubicBezTo>
                      <a:pt x="4476177" y="4213961"/>
                      <a:pt x="4474653" y="4267493"/>
                      <a:pt x="4491801" y="4320837"/>
                    </a:cubicBezTo>
                    <a:cubicBezTo>
                      <a:pt x="4494659" y="4329979"/>
                      <a:pt x="4497325" y="4339695"/>
                      <a:pt x="4497325" y="4349222"/>
                    </a:cubicBezTo>
                    <a:cubicBezTo>
                      <a:pt x="4497325" y="4401419"/>
                      <a:pt x="4493324" y="4452665"/>
                      <a:pt x="4474653" y="4502579"/>
                    </a:cubicBezTo>
                    <a:cubicBezTo>
                      <a:pt x="4468368" y="4519343"/>
                      <a:pt x="4472368" y="4539728"/>
                      <a:pt x="4470844" y="4558207"/>
                    </a:cubicBezTo>
                    <a:cubicBezTo>
                      <a:pt x="4469511" y="4575351"/>
                      <a:pt x="4468940" y="4592878"/>
                      <a:pt x="4464557" y="4609452"/>
                    </a:cubicBezTo>
                    <a:cubicBezTo>
                      <a:pt x="4458082" y="4633647"/>
                      <a:pt x="4457320" y="4656126"/>
                      <a:pt x="4463033" y="4681083"/>
                    </a:cubicBezTo>
                    <a:cubicBezTo>
                      <a:pt x="4468368" y="4704895"/>
                      <a:pt x="4465702" y="4730614"/>
                      <a:pt x="4465891" y="4755381"/>
                    </a:cubicBezTo>
                    <a:cubicBezTo>
                      <a:pt x="4466082" y="4783004"/>
                      <a:pt x="4466272" y="4810627"/>
                      <a:pt x="4465319" y="4838250"/>
                    </a:cubicBezTo>
                    <a:cubicBezTo>
                      <a:pt x="4464940" y="4849300"/>
                      <a:pt x="4457320" y="4861873"/>
                      <a:pt x="4460367" y="4871019"/>
                    </a:cubicBezTo>
                    <a:cubicBezTo>
                      <a:pt x="4470653" y="4900546"/>
                      <a:pt x="4458271" y="4930075"/>
                      <a:pt x="4463795" y="4959602"/>
                    </a:cubicBezTo>
                    <a:cubicBezTo>
                      <a:pt x="4466653" y="4974082"/>
                      <a:pt x="4458844" y="4990465"/>
                      <a:pt x="4458082" y="5006086"/>
                    </a:cubicBezTo>
                    <a:cubicBezTo>
                      <a:pt x="4456748" y="5031614"/>
                      <a:pt x="4457320" y="5057141"/>
                      <a:pt x="4456937" y="5082670"/>
                    </a:cubicBezTo>
                    <a:cubicBezTo>
                      <a:pt x="4456748" y="5091052"/>
                      <a:pt x="4455986" y="5099245"/>
                      <a:pt x="4455603" y="5107627"/>
                    </a:cubicBezTo>
                    <a:cubicBezTo>
                      <a:pt x="4455223" y="5115057"/>
                      <a:pt x="4453508" y="5122867"/>
                      <a:pt x="4454840" y="5129916"/>
                    </a:cubicBezTo>
                    <a:cubicBezTo>
                      <a:pt x="4459605" y="5155445"/>
                      <a:pt x="4467415" y="5180591"/>
                      <a:pt x="4470464" y="5206308"/>
                    </a:cubicBezTo>
                    <a:cubicBezTo>
                      <a:pt x="4473130" y="5228597"/>
                      <a:pt x="4469511" y="5251650"/>
                      <a:pt x="4471415" y="5274129"/>
                    </a:cubicBezTo>
                    <a:cubicBezTo>
                      <a:pt x="4474653" y="5313754"/>
                      <a:pt x="4480369" y="5353379"/>
                      <a:pt x="4483990" y="5393005"/>
                    </a:cubicBezTo>
                    <a:cubicBezTo>
                      <a:pt x="4484752" y="5401579"/>
                      <a:pt x="4479988" y="5410531"/>
                      <a:pt x="4479607" y="5419295"/>
                    </a:cubicBezTo>
                    <a:cubicBezTo>
                      <a:pt x="4478656" y="5446728"/>
                      <a:pt x="4478464" y="5474161"/>
                      <a:pt x="4477894" y="5501594"/>
                    </a:cubicBezTo>
                    <a:cubicBezTo>
                      <a:pt x="4477702" y="5517215"/>
                      <a:pt x="4478273" y="5533027"/>
                      <a:pt x="4476560" y="5548460"/>
                    </a:cubicBezTo>
                    <a:cubicBezTo>
                      <a:pt x="4474273" y="5568842"/>
                      <a:pt x="4470844" y="5587321"/>
                      <a:pt x="4485703" y="5606372"/>
                    </a:cubicBezTo>
                    <a:cubicBezTo>
                      <a:pt x="4508755" y="5635711"/>
                      <a:pt x="4499801" y="5673050"/>
                      <a:pt x="4505134" y="5706959"/>
                    </a:cubicBezTo>
                    <a:cubicBezTo>
                      <a:pt x="4506468" y="5715723"/>
                      <a:pt x="4506659" y="5724678"/>
                      <a:pt x="4508183" y="5733440"/>
                    </a:cubicBezTo>
                    <a:cubicBezTo>
                      <a:pt x="4511041" y="5749634"/>
                      <a:pt x="4514279" y="5765635"/>
                      <a:pt x="4517519" y="5781830"/>
                    </a:cubicBezTo>
                    <a:cubicBezTo>
                      <a:pt x="4518089" y="5784686"/>
                      <a:pt x="4518281" y="5787924"/>
                      <a:pt x="4519234" y="5790592"/>
                    </a:cubicBezTo>
                    <a:cubicBezTo>
                      <a:pt x="4527233" y="5815169"/>
                      <a:pt x="4536378" y="5839361"/>
                      <a:pt x="4542855" y="5864318"/>
                    </a:cubicBezTo>
                    <a:cubicBezTo>
                      <a:pt x="4546095" y="5876511"/>
                      <a:pt x="4546476" y="5890037"/>
                      <a:pt x="4544759" y="5902610"/>
                    </a:cubicBezTo>
                    <a:cubicBezTo>
                      <a:pt x="4539808" y="5939377"/>
                      <a:pt x="4537712" y="5975764"/>
                      <a:pt x="4544951" y="6012723"/>
                    </a:cubicBezTo>
                    <a:cubicBezTo>
                      <a:pt x="4547808" y="6027392"/>
                      <a:pt x="4543045" y="6043776"/>
                      <a:pt x="4541332" y="6059397"/>
                    </a:cubicBezTo>
                    <a:cubicBezTo>
                      <a:pt x="4536759" y="6096736"/>
                      <a:pt x="4531805" y="6134075"/>
                      <a:pt x="4527426" y="6171605"/>
                    </a:cubicBezTo>
                    <a:cubicBezTo>
                      <a:pt x="4524758" y="6195037"/>
                      <a:pt x="4523234" y="6218660"/>
                      <a:pt x="4520568" y="6242093"/>
                    </a:cubicBezTo>
                    <a:cubicBezTo>
                      <a:pt x="4517327" y="6269144"/>
                      <a:pt x="4512375" y="6296005"/>
                      <a:pt x="4509706" y="6323058"/>
                    </a:cubicBezTo>
                    <a:cubicBezTo>
                      <a:pt x="4506659" y="6353919"/>
                      <a:pt x="4506089" y="6384972"/>
                      <a:pt x="4502848" y="6415833"/>
                    </a:cubicBezTo>
                    <a:cubicBezTo>
                      <a:pt x="4496563" y="6472225"/>
                      <a:pt x="4489132" y="6528424"/>
                      <a:pt x="4482084" y="6584812"/>
                    </a:cubicBezTo>
                    <a:cubicBezTo>
                      <a:pt x="4475226" y="6639488"/>
                      <a:pt x="4469129" y="6694164"/>
                      <a:pt x="4460557" y="6748458"/>
                    </a:cubicBezTo>
                    <a:cubicBezTo>
                      <a:pt x="4456937" y="6771319"/>
                      <a:pt x="4447030" y="6793035"/>
                      <a:pt x="4441507" y="6815516"/>
                    </a:cubicBezTo>
                    <a:lnTo>
                      <a:pt x="4431806" y="6858001"/>
                    </a:lnTo>
                    <a:lnTo>
                      <a:pt x="4259554" y="6858001"/>
                    </a:lnTo>
                    <a:lnTo>
                      <a:pt x="4259554" y="6858002"/>
                    </a:lnTo>
                    <a:lnTo>
                      <a:pt x="0" y="6858002"/>
                    </a:lnTo>
                    <a:lnTo>
                      <a:pt x="0" y="2"/>
                    </a:lnTo>
                    <a:lnTo>
                      <a:pt x="3766492" y="1"/>
                    </a:lnTo>
                    <a:lnTo>
                      <a:pt x="3769210" y="21486"/>
                    </a:lnTo>
                    <a:close/>
                  </a:path>
                </a:pathLst>
              </a:custGeom>
              <a:solidFill>
                <a:schemeClr val="tx1"/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/>
              </a:p>
            </p:txBody>
          </p:sp>
          <p:sp>
            <p:nvSpPr>
              <p:cNvPr id="23" name="Freeform: Shape 22">
                <a:extLst>
                  <a:ext uri="{FF2B5EF4-FFF2-40B4-BE49-F238E27FC236}">
                    <a16:creationId xmlns:a16="http://schemas.microsoft.com/office/drawing/2014/main" id="{D56F11D0-7966-41FE-AAB9-EC0C54F11F6E}"/>
                  </a:ex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SpPr/>
              <p:nvPr>
                <p:extLst>
                  <p:ext uri="{386F3935-93C4-4BCD-93E2-E3B085C9AB24}">
                    <p16:designElem xmlns:p16="http://schemas.microsoft.com/office/powerpoint/2015/main" val="1"/>
                  </p:ext>
                </p:extLst>
              </p:nvPr>
            </p:nvSpPr>
            <p:spPr>
              <a:xfrm>
                <a:off x="-2" y="-1"/>
                <a:ext cx="4572002" cy="6858002"/>
              </a:xfrm>
              <a:custGeom>
                <a:avLst/>
                <a:gdLst>
                  <a:gd name="connsiteX0" fmla="*/ 4214994 w 4572002"/>
                  <a:gd name="connsiteY0" fmla="*/ 6564620 h 6858002"/>
                  <a:gd name="connsiteX1" fmla="*/ 4214994 w 4572002"/>
                  <a:gd name="connsiteY1" fmla="*/ 6564621 h 6858002"/>
                  <a:gd name="connsiteX2" fmla="*/ 4237474 w 4572002"/>
                  <a:gd name="connsiteY2" fmla="*/ 6588626 h 6858002"/>
                  <a:gd name="connsiteX3" fmla="*/ 4254096 w 4572002"/>
                  <a:gd name="connsiteY3" fmla="*/ 6625225 h 6858002"/>
                  <a:gd name="connsiteX4" fmla="*/ 4247001 w 4572002"/>
                  <a:gd name="connsiteY4" fmla="*/ 6662540 h 6858002"/>
                  <a:gd name="connsiteX5" fmla="*/ 4247000 w 4572002"/>
                  <a:gd name="connsiteY5" fmla="*/ 6662541 h 6858002"/>
                  <a:gd name="connsiteX6" fmla="*/ 4246999 w 4572002"/>
                  <a:gd name="connsiteY6" fmla="*/ 6662544 h 6858002"/>
                  <a:gd name="connsiteX7" fmla="*/ 4235550 w 4572002"/>
                  <a:gd name="connsiteY7" fmla="*/ 6683027 h 6858002"/>
                  <a:gd name="connsiteX8" fmla="*/ 4232403 w 4572002"/>
                  <a:gd name="connsiteY8" fmla="*/ 6702976 h 6858002"/>
                  <a:gd name="connsiteX9" fmla="*/ 4232403 w 4572002"/>
                  <a:gd name="connsiteY9" fmla="*/ 6702977 h 6858002"/>
                  <a:gd name="connsiteX10" fmla="*/ 4246238 w 4572002"/>
                  <a:gd name="connsiteY10" fmla="*/ 6742553 h 6858002"/>
                  <a:gd name="connsiteX11" fmla="*/ 4246239 w 4572002"/>
                  <a:gd name="connsiteY11" fmla="*/ 6742555 h 6858002"/>
                  <a:gd name="connsiteX12" fmla="*/ 4265716 w 4572002"/>
                  <a:gd name="connsiteY12" fmla="*/ 6812062 h 6858002"/>
                  <a:gd name="connsiteX13" fmla="*/ 4265717 w 4572002"/>
                  <a:gd name="connsiteY13" fmla="*/ 6812064 h 6858002"/>
                  <a:gd name="connsiteX14" fmla="*/ 4265717 w 4572002"/>
                  <a:gd name="connsiteY14" fmla="*/ 6812063 h 6858002"/>
                  <a:gd name="connsiteX15" fmla="*/ 4265716 w 4572002"/>
                  <a:gd name="connsiteY15" fmla="*/ 6812062 h 6858002"/>
                  <a:gd name="connsiteX16" fmla="*/ 4260942 w 4572002"/>
                  <a:gd name="connsiteY16" fmla="*/ 6776800 h 6858002"/>
                  <a:gd name="connsiteX17" fmla="*/ 4246239 w 4572002"/>
                  <a:gd name="connsiteY17" fmla="*/ 6742555 h 6858002"/>
                  <a:gd name="connsiteX18" fmla="*/ 4246238 w 4572002"/>
                  <a:gd name="connsiteY18" fmla="*/ 6742552 h 6858002"/>
                  <a:gd name="connsiteX19" fmla="*/ 4232403 w 4572002"/>
                  <a:gd name="connsiteY19" fmla="*/ 6702976 h 6858002"/>
                  <a:gd name="connsiteX20" fmla="*/ 4246999 w 4572002"/>
                  <a:gd name="connsiteY20" fmla="*/ 6662544 h 6858002"/>
                  <a:gd name="connsiteX21" fmla="*/ 4247000 w 4572002"/>
                  <a:gd name="connsiteY21" fmla="*/ 6662542 h 6858002"/>
                  <a:gd name="connsiteX22" fmla="*/ 4247001 w 4572002"/>
                  <a:gd name="connsiteY22" fmla="*/ 6662540 h 6858002"/>
                  <a:gd name="connsiteX23" fmla="*/ 4254084 w 4572002"/>
                  <a:gd name="connsiteY23" fmla="*/ 6645552 h 6858002"/>
                  <a:gd name="connsiteX24" fmla="*/ 4254096 w 4572002"/>
                  <a:gd name="connsiteY24" fmla="*/ 6625225 h 6858002"/>
                  <a:gd name="connsiteX25" fmla="*/ 4254096 w 4572002"/>
                  <a:gd name="connsiteY25" fmla="*/ 6625224 h 6858002"/>
                  <a:gd name="connsiteX26" fmla="*/ 4237474 w 4572002"/>
                  <a:gd name="connsiteY26" fmla="*/ 6588625 h 6858002"/>
                  <a:gd name="connsiteX27" fmla="*/ 4295315 w 4572002"/>
                  <a:gd name="connsiteY27" fmla="*/ 6438981 h 6858002"/>
                  <a:gd name="connsiteX28" fmla="*/ 4275385 w 4572002"/>
                  <a:gd name="connsiteY28" fmla="*/ 6463840 h 6858002"/>
                  <a:gd name="connsiteX29" fmla="*/ 4275382 w 4572002"/>
                  <a:gd name="connsiteY29" fmla="*/ 6463849 h 6858002"/>
                  <a:gd name="connsiteX30" fmla="*/ 4261587 w 4572002"/>
                  <a:gd name="connsiteY30" fmla="*/ 6513012 h 6858002"/>
                  <a:gd name="connsiteX31" fmla="*/ 4242781 w 4572002"/>
                  <a:gd name="connsiteY31" fmla="*/ 6546194 h 6858002"/>
                  <a:gd name="connsiteX32" fmla="*/ 4242781 w 4572002"/>
                  <a:gd name="connsiteY32" fmla="*/ 6546195 h 6858002"/>
                  <a:gd name="connsiteX33" fmla="*/ 4259120 w 4572002"/>
                  <a:gd name="connsiteY33" fmla="*/ 6521804 h 6858002"/>
                  <a:gd name="connsiteX34" fmla="*/ 4261587 w 4572002"/>
                  <a:gd name="connsiteY34" fmla="*/ 6513012 h 6858002"/>
                  <a:gd name="connsiteX35" fmla="*/ 4264398 w 4572002"/>
                  <a:gd name="connsiteY35" fmla="*/ 6508052 h 6858002"/>
                  <a:gd name="connsiteX36" fmla="*/ 4275382 w 4572002"/>
                  <a:gd name="connsiteY36" fmla="*/ 6463849 h 6858002"/>
                  <a:gd name="connsiteX37" fmla="*/ 4275385 w 4572002"/>
                  <a:gd name="connsiteY37" fmla="*/ 6463841 h 6858002"/>
                  <a:gd name="connsiteX38" fmla="*/ 4295315 w 4572002"/>
                  <a:gd name="connsiteY38" fmla="*/ 6438981 h 6858002"/>
                  <a:gd name="connsiteX39" fmla="*/ 4381289 w 4572002"/>
                  <a:gd name="connsiteY39" fmla="*/ 6365204 h 6858002"/>
                  <a:gd name="connsiteX40" fmla="*/ 4380008 w 4572002"/>
                  <a:gd name="connsiteY40" fmla="*/ 6387910 h 6858002"/>
                  <a:gd name="connsiteX41" fmla="*/ 4378243 w 4572002"/>
                  <a:gd name="connsiteY41" fmla="*/ 6391549 h 6858002"/>
                  <a:gd name="connsiteX42" fmla="*/ 4370589 w 4572002"/>
                  <a:gd name="connsiteY42" fmla="*/ 6407332 h 6858002"/>
                  <a:gd name="connsiteX43" fmla="*/ 4370589 w 4572002"/>
                  <a:gd name="connsiteY43" fmla="*/ 6407333 h 6858002"/>
                  <a:gd name="connsiteX44" fmla="*/ 4378243 w 4572002"/>
                  <a:gd name="connsiteY44" fmla="*/ 6391549 h 6858002"/>
                  <a:gd name="connsiteX45" fmla="*/ 4380008 w 4572002"/>
                  <a:gd name="connsiteY45" fmla="*/ 6387910 h 6858002"/>
                  <a:gd name="connsiteX46" fmla="*/ 4142220 w 4572002"/>
                  <a:gd name="connsiteY46" fmla="*/ 4221391 h 6858002"/>
                  <a:gd name="connsiteX47" fmla="*/ 4142220 w 4572002"/>
                  <a:gd name="connsiteY47" fmla="*/ 4221392 h 6858002"/>
                  <a:gd name="connsiteX48" fmla="*/ 4147936 w 4572002"/>
                  <a:gd name="connsiteY48" fmla="*/ 4253015 h 6858002"/>
                  <a:gd name="connsiteX49" fmla="*/ 4187752 w 4572002"/>
                  <a:gd name="connsiteY49" fmla="*/ 4324646 h 6858002"/>
                  <a:gd name="connsiteX50" fmla="*/ 4196706 w 4572002"/>
                  <a:gd name="connsiteY50" fmla="*/ 4363891 h 6858002"/>
                  <a:gd name="connsiteX51" fmla="*/ 4195944 w 4572002"/>
                  <a:gd name="connsiteY51" fmla="*/ 4482004 h 6858002"/>
                  <a:gd name="connsiteX52" fmla="*/ 4135934 w 4572002"/>
                  <a:gd name="connsiteY52" fmla="*/ 4659174 h 6858002"/>
                  <a:gd name="connsiteX53" fmla="*/ 4127932 w 4572002"/>
                  <a:gd name="connsiteY53" fmla="*/ 4677655 h 6858002"/>
                  <a:gd name="connsiteX54" fmla="*/ 4118025 w 4572002"/>
                  <a:gd name="connsiteY54" fmla="*/ 4767764 h 6858002"/>
                  <a:gd name="connsiteX55" fmla="*/ 4116716 w 4572002"/>
                  <a:gd name="connsiteY55" fmla="*/ 4800483 h 6858002"/>
                  <a:gd name="connsiteX56" fmla="*/ 4116716 w 4572002"/>
                  <a:gd name="connsiteY56" fmla="*/ 4800484 h 6858002"/>
                  <a:gd name="connsiteX57" fmla="*/ 4131552 w 4572002"/>
                  <a:gd name="connsiteY57" fmla="*/ 4828917 h 6858002"/>
                  <a:gd name="connsiteX58" fmla="*/ 4153733 w 4572002"/>
                  <a:gd name="connsiteY58" fmla="*/ 4863343 h 6858002"/>
                  <a:gd name="connsiteX59" fmla="*/ 4161262 w 4572002"/>
                  <a:gd name="connsiteY59" fmla="*/ 4889275 h 6858002"/>
                  <a:gd name="connsiteX60" fmla="*/ 4159557 w 4572002"/>
                  <a:gd name="connsiteY60" fmla="*/ 4912168 h 6858002"/>
                  <a:gd name="connsiteX61" fmla="*/ 4158155 w 4572002"/>
                  <a:gd name="connsiteY61" fmla="*/ 4933804 h 6858002"/>
                  <a:gd name="connsiteX62" fmla="*/ 4158155 w 4572002"/>
                  <a:gd name="connsiteY62" fmla="*/ 4933805 h 6858002"/>
                  <a:gd name="connsiteX63" fmla="*/ 4162914 w 4572002"/>
                  <a:gd name="connsiteY63" fmla="*/ 4952673 h 6858002"/>
                  <a:gd name="connsiteX64" fmla="*/ 4165707 w 4572002"/>
                  <a:gd name="connsiteY64" fmla="*/ 4957454 h 6858002"/>
                  <a:gd name="connsiteX65" fmla="*/ 4166985 w 4572002"/>
                  <a:gd name="connsiteY65" fmla="*/ 4961456 h 6858002"/>
                  <a:gd name="connsiteX66" fmla="*/ 4182989 w 4572002"/>
                  <a:gd name="connsiteY66" fmla="*/ 4987038 h 6858002"/>
                  <a:gd name="connsiteX67" fmla="*/ 4209468 w 4572002"/>
                  <a:gd name="connsiteY67" fmla="*/ 5041522 h 6858002"/>
                  <a:gd name="connsiteX68" fmla="*/ 4216684 w 4572002"/>
                  <a:gd name="connsiteY68" fmla="*/ 5072376 h 6858002"/>
                  <a:gd name="connsiteX69" fmla="*/ 4222587 w 4572002"/>
                  <a:gd name="connsiteY69" fmla="*/ 5087441 h 6858002"/>
                  <a:gd name="connsiteX70" fmla="*/ 4235615 w 4572002"/>
                  <a:gd name="connsiteY70" fmla="*/ 5133220 h 6858002"/>
                  <a:gd name="connsiteX71" fmla="*/ 4235616 w 4572002"/>
                  <a:gd name="connsiteY71" fmla="*/ 5133225 h 6858002"/>
                  <a:gd name="connsiteX72" fmla="*/ 4228901 w 4572002"/>
                  <a:gd name="connsiteY72" fmla="*/ 5166113 h 6858002"/>
                  <a:gd name="connsiteX73" fmla="*/ 4228901 w 4572002"/>
                  <a:gd name="connsiteY73" fmla="*/ 5166114 h 6858002"/>
                  <a:gd name="connsiteX74" fmla="*/ 4229593 w 4572002"/>
                  <a:gd name="connsiteY74" fmla="*/ 5172091 h 6858002"/>
                  <a:gd name="connsiteX75" fmla="*/ 4232139 w 4572002"/>
                  <a:gd name="connsiteY75" fmla="*/ 5179068 h 6858002"/>
                  <a:gd name="connsiteX76" fmla="*/ 4231973 w 4572002"/>
                  <a:gd name="connsiteY76" fmla="*/ 5229434 h 6858002"/>
                  <a:gd name="connsiteX77" fmla="*/ 4225669 w 4572002"/>
                  <a:gd name="connsiteY77" fmla="*/ 5241089 h 6858002"/>
                  <a:gd name="connsiteX78" fmla="*/ 4208517 w 4572002"/>
                  <a:gd name="connsiteY78" fmla="*/ 5272796 h 6858002"/>
                  <a:gd name="connsiteX79" fmla="*/ 4184613 w 4572002"/>
                  <a:gd name="connsiteY79" fmla="*/ 5312288 h 6858002"/>
                  <a:gd name="connsiteX80" fmla="*/ 4183557 w 4572002"/>
                  <a:gd name="connsiteY80" fmla="*/ 5321350 h 6858002"/>
                  <a:gd name="connsiteX81" fmla="*/ 4181083 w 4572002"/>
                  <a:gd name="connsiteY81" fmla="*/ 5326163 h 6858002"/>
                  <a:gd name="connsiteX82" fmla="*/ 4179637 w 4572002"/>
                  <a:gd name="connsiteY82" fmla="*/ 5355014 h 6858002"/>
                  <a:gd name="connsiteX83" fmla="*/ 4179637 w 4572002"/>
                  <a:gd name="connsiteY83" fmla="*/ 5355015 h 6858002"/>
                  <a:gd name="connsiteX84" fmla="*/ 4184513 w 4572002"/>
                  <a:gd name="connsiteY84" fmla="*/ 5385385 h 6858002"/>
                  <a:gd name="connsiteX85" fmla="*/ 4192704 w 4572002"/>
                  <a:gd name="connsiteY85" fmla="*/ 5425583 h 6858002"/>
                  <a:gd name="connsiteX86" fmla="*/ 4204327 w 4572002"/>
                  <a:gd name="connsiteY86" fmla="*/ 5480638 h 6858002"/>
                  <a:gd name="connsiteX87" fmla="*/ 4208850 w 4572002"/>
                  <a:gd name="connsiteY87" fmla="*/ 5507668 h 6858002"/>
                  <a:gd name="connsiteX88" fmla="*/ 4198232 w 4572002"/>
                  <a:gd name="connsiteY88" fmla="*/ 5531692 h 6858002"/>
                  <a:gd name="connsiteX89" fmla="*/ 4198231 w 4572002"/>
                  <a:gd name="connsiteY89" fmla="*/ 5531693 h 6858002"/>
                  <a:gd name="connsiteX90" fmla="*/ 4188085 w 4572002"/>
                  <a:gd name="connsiteY90" fmla="*/ 5547578 h 6858002"/>
                  <a:gd name="connsiteX91" fmla="*/ 4188085 w 4572002"/>
                  <a:gd name="connsiteY91" fmla="*/ 5547579 h 6858002"/>
                  <a:gd name="connsiteX92" fmla="*/ 4197659 w 4572002"/>
                  <a:gd name="connsiteY92" fmla="*/ 5562747 h 6858002"/>
                  <a:gd name="connsiteX93" fmla="*/ 4268907 w 4572002"/>
                  <a:gd name="connsiteY93" fmla="*/ 5704484 h 6858002"/>
                  <a:gd name="connsiteX94" fmla="*/ 4274812 w 4572002"/>
                  <a:gd name="connsiteY94" fmla="*/ 5740489 h 6858002"/>
                  <a:gd name="connsiteX95" fmla="*/ 4283578 w 4572002"/>
                  <a:gd name="connsiteY95" fmla="*/ 5760874 h 6858002"/>
                  <a:gd name="connsiteX96" fmla="*/ 4371973 w 4572002"/>
                  <a:gd name="connsiteY96" fmla="*/ 5883752 h 6858002"/>
                  <a:gd name="connsiteX97" fmla="*/ 4371974 w 4572002"/>
                  <a:gd name="connsiteY97" fmla="*/ 5883757 h 6858002"/>
                  <a:gd name="connsiteX98" fmla="*/ 4389877 w 4572002"/>
                  <a:gd name="connsiteY98" fmla="*/ 5935946 h 6858002"/>
                  <a:gd name="connsiteX99" fmla="*/ 4389878 w 4572002"/>
                  <a:gd name="connsiteY99" fmla="*/ 5935950 h 6858002"/>
                  <a:gd name="connsiteX100" fmla="*/ 4386259 w 4572002"/>
                  <a:gd name="connsiteY100" fmla="*/ 5993290 h 6858002"/>
                  <a:gd name="connsiteX101" fmla="*/ 4386259 w 4572002"/>
                  <a:gd name="connsiteY101" fmla="*/ 5993291 h 6858002"/>
                  <a:gd name="connsiteX102" fmla="*/ 4379782 w 4572002"/>
                  <a:gd name="connsiteY102" fmla="*/ 6026440 h 6858002"/>
                  <a:gd name="connsiteX103" fmla="*/ 4323583 w 4572002"/>
                  <a:gd name="connsiteY103" fmla="*/ 6108738 h 6858002"/>
                  <a:gd name="connsiteX104" fmla="*/ 4309890 w 4572002"/>
                  <a:gd name="connsiteY104" fmla="*/ 6133314 h 6858002"/>
                  <a:gd name="connsiteX105" fmla="*/ 4309890 w 4572002"/>
                  <a:gd name="connsiteY105" fmla="*/ 6133315 h 6858002"/>
                  <a:gd name="connsiteX106" fmla="*/ 4313591 w 4572002"/>
                  <a:gd name="connsiteY106" fmla="*/ 6143190 h 6858002"/>
                  <a:gd name="connsiteX107" fmla="*/ 4325486 w 4572002"/>
                  <a:gd name="connsiteY107" fmla="*/ 6155600 h 6858002"/>
                  <a:gd name="connsiteX108" fmla="*/ 4325488 w 4572002"/>
                  <a:gd name="connsiteY108" fmla="*/ 6155603 h 6858002"/>
                  <a:gd name="connsiteX109" fmla="*/ 4364160 w 4572002"/>
                  <a:gd name="connsiteY109" fmla="*/ 6228757 h 6858002"/>
                  <a:gd name="connsiteX110" fmla="*/ 4381497 w 4572002"/>
                  <a:gd name="connsiteY110" fmla="*/ 6361540 h 6858002"/>
                  <a:gd name="connsiteX111" fmla="*/ 4381497 w 4572002"/>
                  <a:gd name="connsiteY111" fmla="*/ 6361539 h 6858002"/>
                  <a:gd name="connsiteX112" fmla="*/ 4364160 w 4572002"/>
                  <a:gd name="connsiteY112" fmla="*/ 6228756 h 6858002"/>
                  <a:gd name="connsiteX113" fmla="*/ 4325488 w 4572002"/>
                  <a:gd name="connsiteY113" fmla="*/ 6155602 h 6858002"/>
                  <a:gd name="connsiteX114" fmla="*/ 4325486 w 4572002"/>
                  <a:gd name="connsiteY114" fmla="*/ 6155600 h 6858002"/>
                  <a:gd name="connsiteX115" fmla="*/ 4309890 w 4572002"/>
                  <a:gd name="connsiteY115" fmla="*/ 6133315 h 6858002"/>
                  <a:gd name="connsiteX116" fmla="*/ 4323583 w 4572002"/>
                  <a:gd name="connsiteY116" fmla="*/ 6108739 h 6858002"/>
                  <a:gd name="connsiteX117" fmla="*/ 4379782 w 4572002"/>
                  <a:gd name="connsiteY117" fmla="*/ 6026441 h 6858002"/>
                  <a:gd name="connsiteX118" fmla="*/ 4386259 w 4572002"/>
                  <a:gd name="connsiteY118" fmla="*/ 5993292 h 6858002"/>
                  <a:gd name="connsiteX119" fmla="*/ 4386259 w 4572002"/>
                  <a:gd name="connsiteY119" fmla="*/ 5993290 h 6858002"/>
                  <a:gd name="connsiteX120" fmla="*/ 4389712 w 4572002"/>
                  <a:gd name="connsiteY120" fmla="*/ 5964477 h 6858002"/>
                  <a:gd name="connsiteX121" fmla="*/ 4389878 w 4572002"/>
                  <a:gd name="connsiteY121" fmla="*/ 5935950 h 6858002"/>
                  <a:gd name="connsiteX122" fmla="*/ 4389878 w 4572002"/>
                  <a:gd name="connsiteY122" fmla="*/ 5935949 h 6858002"/>
                  <a:gd name="connsiteX123" fmla="*/ 4389877 w 4572002"/>
                  <a:gd name="connsiteY123" fmla="*/ 5935946 h 6858002"/>
                  <a:gd name="connsiteX124" fmla="*/ 4382997 w 4572002"/>
                  <a:gd name="connsiteY124" fmla="*/ 5909351 h 6858002"/>
                  <a:gd name="connsiteX125" fmla="*/ 4371974 w 4572002"/>
                  <a:gd name="connsiteY125" fmla="*/ 5883757 h 6858002"/>
                  <a:gd name="connsiteX126" fmla="*/ 4371973 w 4572002"/>
                  <a:gd name="connsiteY126" fmla="*/ 5883751 h 6858002"/>
                  <a:gd name="connsiteX127" fmla="*/ 4283578 w 4572002"/>
                  <a:gd name="connsiteY127" fmla="*/ 5760873 h 6858002"/>
                  <a:gd name="connsiteX128" fmla="*/ 4274812 w 4572002"/>
                  <a:gd name="connsiteY128" fmla="*/ 5740488 h 6858002"/>
                  <a:gd name="connsiteX129" fmla="*/ 4268907 w 4572002"/>
                  <a:gd name="connsiteY129" fmla="*/ 5704483 h 6858002"/>
                  <a:gd name="connsiteX130" fmla="*/ 4197659 w 4572002"/>
                  <a:gd name="connsiteY130" fmla="*/ 5562746 h 6858002"/>
                  <a:gd name="connsiteX131" fmla="*/ 4188085 w 4572002"/>
                  <a:gd name="connsiteY131" fmla="*/ 5547578 h 6858002"/>
                  <a:gd name="connsiteX132" fmla="*/ 4198231 w 4572002"/>
                  <a:gd name="connsiteY132" fmla="*/ 5531694 h 6858002"/>
                  <a:gd name="connsiteX133" fmla="*/ 4198232 w 4572002"/>
                  <a:gd name="connsiteY133" fmla="*/ 5531692 h 6858002"/>
                  <a:gd name="connsiteX134" fmla="*/ 4206630 w 4572002"/>
                  <a:gd name="connsiteY134" fmla="*/ 5520422 h 6858002"/>
                  <a:gd name="connsiteX135" fmla="*/ 4208850 w 4572002"/>
                  <a:gd name="connsiteY135" fmla="*/ 5507668 h 6858002"/>
                  <a:gd name="connsiteX136" fmla="*/ 4208850 w 4572002"/>
                  <a:gd name="connsiteY136" fmla="*/ 5507667 h 6858002"/>
                  <a:gd name="connsiteX137" fmla="*/ 4204327 w 4572002"/>
                  <a:gd name="connsiteY137" fmla="*/ 5480637 h 6858002"/>
                  <a:gd name="connsiteX138" fmla="*/ 4192704 w 4572002"/>
                  <a:gd name="connsiteY138" fmla="*/ 5425582 h 6858002"/>
                  <a:gd name="connsiteX139" fmla="*/ 4184513 w 4572002"/>
                  <a:gd name="connsiteY139" fmla="*/ 5385384 h 6858002"/>
                  <a:gd name="connsiteX140" fmla="*/ 4179637 w 4572002"/>
                  <a:gd name="connsiteY140" fmla="*/ 5355014 h 6858002"/>
                  <a:gd name="connsiteX141" fmla="*/ 4183557 w 4572002"/>
                  <a:gd name="connsiteY141" fmla="*/ 5321350 h 6858002"/>
                  <a:gd name="connsiteX142" fmla="*/ 4208517 w 4572002"/>
                  <a:gd name="connsiteY142" fmla="*/ 5272797 h 6858002"/>
                  <a:gd name="connsiteX143" fmla="*/ 4225669 w 4572002"/>
                  <a:gd name="connsiteY143" fmla="*/ 5241089 h 6858002"/>
                  <a:gd name="connsiteX144" fmla="*/ 4231973 w 4572002"/>
                  <a:gd name="connsiteY144" fmla="*/ 5229433 h 6858002"/>
                  <a:gd name="connsiteX145" fmla="*/ 4232139 w 4572002"/>
                  <a:gd name="connsiteY145" fmla="*/ 5179068 h 6858002"/>
                  <a:gd name="connsiteX146" fmla="*/ 4232139 w 4572002"/>
                  <a:gd name="connsiteY146" fmla="*/ 5179067 h 6858002"/>
                  <a:gd name="connsiteX147" fmla="*/ 4229593 w 4572002"/>
                  <a:gd name="connsiteY147" fmla="*/ 5172090 h 6858002"/>
                  <a:gd name="connsiteX148" fmla="*/ 4228901 w 4572002"/>
                  <a:gd name="connsiteY148" fmla="*/ 5166114 h 6858002"/>
                  <a:gd name="connsiteX149" fmla="*/ 4235616 w 4572002"/>
                  <a:gd name="connsiteY149" fmla="*/ 5133225 h 6858002"/>
                  <a:gd name="connsiteX150" fmla="*/ 4235616 w 4572002"/>
                  <a:gd name="connsiteY150" fmla="*/ 5133224 h 6858002"/>
                  <a:gd name="connsiteX151" fmla="*/ 4235615 w 4572002"/>
                  <a:gd name="connsiteY151" fmla="*/ 5133220 h 6858002"/>
                  <a:gd name="connsiteX152" fmla="*/ 4228473 w 4572002"/>
                  <a:gd name="connsiteY152" fmla="*/ 5102461 h 6858002"/>
                  <a:gd name="connsiteX153" fmla="*/ 4222587 w 4572002"/>
                  <a:gd name="connsiteY153" fmla="*/ 5087441 h 6858002"/>
                  <a:gd name="connsiteX154" fmla="*/ 4222582 w 4572002"/>
                  <a:gd name="connsiteY154" fmla="*/ 5087423 h 6858002"/>
                  <a:gd name="connsiteX155" fmla="*/ 4209468 w 4572002"/>
                  <a:gd name="connsiteY155" fmla="*/ 5041521 h 6858002"/>
                  <a:gd name="connsiteX156" fmla="*/ 4182989 w 4572002"/>
                  <a:gd name="connsiteY156" fmla="*/ 4987037 h 6858002"/>
                  <a:gd name="connsiteX157" fmla="*/ 4165707 w 4572002"/>
                  <a:gd name="connsiteY157" fmla="*/ 4957454 h 6858002"/>
                  <a:gd name="connsiteX158" fmla="*/ 4158155 w 4572002"/>
                  <a:gd name="connsiteY158" fmla="*/ 4933805 h 6858002"/>
                  <a:gd name="connsiteX159" fmla="*/ 4159557 w 4572002"/>
                  <a:gd name="connsiteY159" fmla="*/ 4912169 h 6858002"/>
                  <a:gd name="connsiteX160" fmla="*/ 4161262 w 4572002"/>
                  <a:gd name="connsiteY160" fmla="*/ 4889276 h 6858002"/>
                  <a:gd name="connsiteX161" fmla="*/ 4161262 w 4572002"/>
                  <a:gd name="connsiteY161" fmla="*/ 4889275 h 6858002"/>
                  <a:gd name="connsiteX162" fmla="*/ 4156484 w 4572002"/>
                  <a:gd name="connsiteY162" fmla="*/ 4867614 h 6858002"/>
                  <a:gd name="connsiteX163" fmla="*/ 4153733 w 4572002"/>
                  <a:gd name="connsiteY163" fmla="*/ 4863343 h 6858002"/>
                  <a:gd name="connsiteX164" fmla="*/ 4151983 w 4572002"/>
                  <a:gd name="connsiteY164" fmla="*/ 4857317 h 6858002"/>
                  <a:gd name="connsiteX165" fmla="*/ 4131552 w 4572002"/>
                  <a:gd name="connsiteY165" fmla="*/ 4828916 h 6858002"/>
                  <a:gd name="connsiteX166" fmla="*/ 4116716 w 4572002"/>
                  <a:gd name="connsiteY166" fmla="*/ 4800483 h 6858002"/>
                  <a:gd name="connsiteX167" fmla="*/ 4118025 w 4572002"/>
                  <a:gd name="connsiteY167" fmla="*/ 4767765 h 6858002"/>
                  <a:gd name="connsiteX168" fmla="*/ 4127932 w 4572002"/>
                  <a:gd name="connsiteY168" fmla="*/ 4677656 h 6858002"/>
                  <a:gd name="connsiteX169" fmla="*/ 4135934 w 4572002"/>
                  <a:gd name="connsiteY169" fmla="*/ 4659175 h 6858002"/>
                  <a:gd name="connsiteX170" fmla="*/ 4195944 w 4572002"/>
                  <a:gd name="connsiteY170" fmla="*/ 4482005 h 6858002"/>
                  <a:gd name="connsiteX171" fmla="*/ 4196706 w 4572002"/>
                  <a:gd name="connsiteY171" fmla="*/ 4363891 h 6858002"/>
                  <a:gd name="connsiteX172" fmla="*/ 4196706 w 4572002"/>
                  <a:gd name="connsiteY172" fmla="*/ 4363890 h 6858002"/>
                  <a:gd name="connsiteX173" fmla="*/ 4187752 w 4572002"/>
                  <a:gd name="connsiteY173" fmla="*/ 4324645 h 6858002"/>
                  <a:gd name="connsiteX174" fmla="*/ 4147936 w 4572002"/>
                  <a:gd name="connsiteY174" fmla="*/ 4253014 h 6858002"/>
                  <a:gd name="connsiteX175" fmla="*/ 4211111 w 4572002"/>
                  <a:gd name="connsiteY175" fmla="*/ 2836172 h 6858002"/>
                  <a:gd name="connsiteX176" fmla="*/ 4202421 w 4572002"/>
                  <a:gd name="connsiteY176" fmla="*/ 2848793 h 6858002"/>
                  <a:gd name="connsiteX177" fmla="*/ 4186816 w 4572002"/>
                  <a:gd name="connsiteY177" fmla="*/ 2897785 h 6858002"/>
                  <a:gd name="connsiteX178" fmla="*/ 4185787 w 4572002"/>
                  <a:gd name="connsiteY178" fmla="*/ 2903551 h 6858002"/>
                  <a:gd name="connsiteX179" fmla="*/ 4182513 w 4572002"/>
                  <a:gd name="connsiteY179" fmla="*/ 2914328 h 6858002"/>
                  <a:gd name="connsiteX180" fmla="*/ 4177882 w 4572002"/>
                  <a:gd name="connsiteY180" fmla="*/ 2947858 h 6858002"/>
                  <a:gd name="connsiteX181" fmla="*/ 4177881 w 4572002"/>
                  <a:gd name="connsiteY181" fmla="*/ 2947862 h 6858002"/>
                  <a:gd name="connsiteX182" fmla="*/ 4177881 w 4572002"/>
                  <a:gd name="connsiteY182" fmla="*/ 2947863 h 6858002"/>
                  <a:gd name="connsiteX183" fmla="*/ 4181465 w 4572002"/>
                  <a:gd name="connsiteY183" fmla="*/ 2982149 h 6858002"/>
                  <a:gd name="connsiteX184" fmla="*/ 4193158 w 4572002"/>
                  <a:gd name="connsiteY184" fmla="*/ 3077402 h 6858002"/>
                  <a:gd name="connsiteX185" fmla="*/ 4180703 w 4572002"/>
                  <a:gd name="connsiteY185" fmla="*/ 3172654 h 6858002"/>
                  <a:gd name="connsiteX186" fmla="*/ 4133076 w 4572002"/>
                  <a:gd name="connsiteY186" fmla="*/ 3489467 h 6858002"/>
                  <a:gd name="connsiteX187" fmla="*/ 4110977 w 4572002"/>
                  <a:gd name="connsiteY187" fmla="*/ 3544713 h 6858002"/>
                  <a:gd name="connsiteX188" fmla="*/ 4093355 w 4572002"/>
                  <a:gd name="connsiteY188" fmla="*/ 3574408 h 6858002"/>
                  <a:gd name="connsiteX189" fmla="*/ 4093355 w 4572002"/>
                  <a:gd name="connsiteY189" fmla="*/ 3574409 h 6858002"/>
                  <a:gd name="connsiteX190" fmla="*/ 4105453 w 4572002"/>
                  <a:gd name="connsiteY190" fmla="*/ 3606818 h 6858002"/>
                  <a:gd name="connsiteX191" fmla="*/ 4118979 w 4572002"/>
                  <a:gd name="connsiteY191" fmla="*/ 3630633 h 6858002"/>
                  <a:gd name="connsiteX192" fmla="*/ 4136708 w 4572002"/>
                  <a:gd name="connsiteY192" fmla="*/ 3654416 h 6858002"/>
                  <a:gd name="connsiteX193" fmla="*/ 4140382 w 4572002"/>
                  <a:gd name="connsiteY193" fmla="*/ 3668940 h 6858002"/>
                  <a:gd name="connsiteX194" fmla="*/ 4143220 w 4572002"/>
                  <a:gd name="connsiteY194" fmla="*/ 3680164 h 6858002"/>
                  <a:gd name="connsiteX195" fmla="*/ 4139172 w 4572002"/>
                  <a:gd name="connsiteY195" fmla="*/ 3734837 h 6858002"/>
                  <a:gd name="connsiteX196" fmla="*/ 4139172 w 4572002"/>
                  <a:gd name="connsiteY196" fmla="*/ 3734838 h 6858002"/>
                  <a:gd name="connsiteX197" fmla="*/ 4139554 w 4572002"/>
                  <a:gd name="connsiteY197" fmla="*/ 3754653 h 6858002"/>
                  <a:gd name="connsiteX198" fmla="*/ 4145911 w 4572002"/>
                  <a:gd name="connsiteY198" fmla="*/ 3789776 h 6858002"/>
                  <a:gd name="connsiteX199" fmla="*/ 4130980 w 4572002"/>
                  <a:gd name="connsiteY199" fmla="*/ 3822472 h 6858002"/>
                  <a:gd name="connsiteX200" fmla="*/ 4116645 w 4572002"/>
                  <a:gd name="connsiteY200" fmla="*/ 3852619 h 6858002"/>
                  <a:gd name="connsiteX201" fmla="*/ 4116645 w 4572002"/>
                  <a:gd name="connsiteY201" fmla="*/ 3852620 h 6858002"/>
                  <a:gd name="connsiteX202" fmla="*/ 4117425 w 4572002"/>
                  <a:gd name="connsiteY202" fmla="*/ 3868764 h 6858002"/>
                  <a:gd name="connsiteX203" fmla="*/ 4126028 w 4572002"/>
                  <a:gd name="connsiteY203" fmla="*/ 3885337 h 6858002"/>
                  <a:gd name="connsiteX204" fmla="*/ 4126028 w 4572002"/>
                  <a:gd name="connsiteY204" fmla="*/ 3885339 h 6858002"/>
                  <a:gd name="connsiteX205" fmla="*/ 4148409 w 4572002"/>
                  <a:gd name="connsiteY205" fmla="*/ 3923125 h 6858002"/>
                  <a:gd name="connsiteX206" fmla="*/ 4157913 w 4572002"/>
                  <a:gd name="connsiteY206" fmla="*/ 3962160 h 6858002"/>
                  <a:gd name="connsiteX207" fmla="*/ 4142221 w 4572002"/>
                  <a:gd name="connsiteY207" fmla="*/ 4043838 h 6858002"/>
                  <a:gd name="connsiteX208" fmla="*/ 4142220 w 4572002"/>
                  <a:gd name="connsiteY208" fmla="*/ 4043839 h 6858002"/>
                  <a:gd name="connsiteX209" fmla="*/ 4127099 w 4572002"/>
                  <a:gd name="connsiteY209" fmla="*/ 4103825 h 6858002"/>
                  <a:gd name="connsiteX210" fmla="*/ 4127099 w 4572002"/>
                  <a:gd name="connsiteY210" fmla="*/ 4103826 h 6858002"/>
                  <a:gd name="connsiteX211" fmla="*/ 4129066 w 4572002"/>
                  <a:gd name="connsiteY211" fmla="*/ 4134256 h 6858002"/>
                  <a:gd name="connsiteX212" fmla="*/ 4138410 w 4572002"/>
                  <a:gd name="connsiteY212" fmla="*/ 4165382 h 6858002"/>
                  <a:gd name="connsiteX213" fmla="*/ 4138410 w 4572002"/>
                  <a:gd name="connsiteY213" fmla="*/ 4165384 h 6858002"/>
                  <a:gd name="connsiteX214" fmla="*/ 4142315 w 4572002"/>
                  <a:gd name="connsiteY214" fmla="*/ 4192388 h 6858002"/>
                  <a:gd name="connsiteX215" fmla="*/ 4142315 w 4572002"/>
                  <a:gd name="connsiteY215" fmla="*/ 4192387 h 6858002"/>
                  <a:gd name="connsiteX216" fmla="*/ 4138410 w 4572002"/>
                  <a:gd name="connsiteY216" fmla="*/ 4165383 h 6858002"/>
                  <a:gd name="connsiteX217" fmla="*/ 4138410 w 4572002"/>
                  <a:gd name="connsiteY217" fmla="*/ 4165382 h 6858002"/>
                  <a:gd name="connsiteX218" fmla="*/ 4127099 w 4572002"/>
                  <a:gd name="connsiteY218" fmla="*/ 4103826 h 6858002"/>
                  <a:gd name="connsiteX219" fmla="*/ 4142220 w 4572002"/>
                  <a:gd name="connsiteY219" fmla="*/ 4043840 h 6858002"/>
                  <a:gd name="connsiteX220" fmla="*/ 4142221 w 4572002"/>
                  <a:gd name="connsiteY220" fmla="*/ 4043838 h 6858002"/>
                  <a:gd name="connsiteX221" fmla="*/ 4155523 w 4572002"/>
                  <a:gd name="connsiteY221" fmla="*/ 4002410 h 6858002"/>
                  <a:gd name="connsiteX222" fmla="*/ 4157913 w 4572002"/>
                  <a:gd name="connsiteY222" fmla="*/ 3962160 h 6858002"/>
                  <a:gd name="connsiteX223" fmla="*/ 4157913 w 4572002"/>
                  <a:gd name="connsiteY223" fmla="*/ 3962159 h 6858002"/>
                  <a:gd name="connsiteX224" fmla="*/ 4126028 w 4572002"/>
                  <a:gd name="connsiteY224" fmla="*/ 3885338 h 6858002"/>
                  <a:gd name="connsiteX225" fmla="*/ 4126028 w 4572002"/>
                  <a:gd name="connsiteY225" fmla="*/ 3885337 h 6858002"/>
                  <a:gd name="connsiteX226" fmla="*/ 4116645 w 4572002"/>
                  <a:gd name="connsiteY226" fmla="*/ 3852620 h 6858002"/>
                  <a:gd name="connsiteX227" fmla="*/ 4130980 w 4572002"/>
                  <a:gd name="connsiteY227" fmla="*/ 3822473 h 6858002"/>
                  <a:gd name="connsiteX228" fmla="*/ 4145911 w 4572002"/>
                  <a:gd name="connsiteY228" fmla="*/ 3789777 h 6858002"/>
                  <a:gd name="connsiteX229" fmla="*/ 4145911 w 4572002"/>
                  <a:gd name="connsiteY229" fmla="*/ 3789776 h 6858002"/>
                  <a:gd name="connsiteX230" fmla="*/ 4139554 w 4572002"/>
                  <a:gd name="connsiteY230" fmla="*/ 3754652 h 6858002"/>
                  <a:gd name="connsiteX231" fmla="*/ 4139172 w 4572002"/>
                  <a:gd name="connsiteY231" fmla="*/ 3734838 h 6858002"/>
                  <a:gd name="connsiteX232" fmla="*/ 4143220 w 4572002"/>
                  <a:gd name="connsiteY232" fmla="*/ 3680164 h 6858002"/>
                  <a:gd name="connsiteX233" fmla="*/ 4143220 w 4572002"/>
                  <a:gd name="connsiteY233" fmla="*/ 3680163 h 6858002"/>
                  <a:gd name="connsiteX234" fmla="*/ 4140382 w 4572002"/>
                  <a:gd name="connsiteY234" fmla="*/ 3668940 h 6858002"/>
                  <a:gd name="connsiteX235" fmla="*/ 4136708 w 4572002"/>
                  <a:gd name="connsiteY235" fmla="*/ 3654416 h 6858002"/>
                  <a:gd name="connsiteX236" fmla="*/ 4136708 w 4572002"/>
                  <a:gd name="connsiteY236" fmla="*/ 3654416 h 6858002"/>
                  <a:gd name="connsiteX237" fmla="*/ 4136708 w 4572002"/>
                  <a:gd name="connsiteY237" fmla="*/ 3654415 h 6858002"/>
                  <a:gd name="connsiteX238" fmla="*/ 4118979 w 4572002"/>
                  <a:gd name="connsiteY238" fmla="*/ 3630632 h 6858002"/>
                  <a:gd name="connsiteX239" fmla="*/ 4105453 w 4572002"/>
                  <a:gd name="connsiteY239" fmla="*/ 3606817 h 6858002"/>
                  <a:gd name="connsiteX240" fmla="*/ 4095707 w 4572002"/>
                  <a:gd name="connsiteY240" fmla="*/ 3587174 h 6858002"/>
                  <a:gd name="connsiteX241" fmla="*/ 4093355 w 4572002"/>
                  <a:gd name="connsiteY241" fmla="*/ 3574408 h 6858002"/>
                  <a:gd name="connsiteX242" fmla="*/ 4098434 w 4572002"/>
                  <a:gd name="connsiteY242" fmla="*/ 3562321 h 6858002"/>
                  <a:gd name="connsiteX243" fmla="*/ 4110977 w 4572002"/>
                  <a:gd name="connsiteY243" fmla="*/ 3544714 h 6858002"/>
                  <a:gd name="connsiteX244" fmla="*/ 4133076 w 4572002"/>
                  <a:gd name="connsiteY244" fmla="*/ 3489468 h 6858002"/>
                  <a:gd name="connsiteX245" fmla="*/ 4180703 w 4572002"/>
                  <a:gd name="connsiteY245" fmla="*/ 3172655 h 6858002"/>
                  <a:gd name="connsiteX246" fmla="*/ 4193158 w 4572002"/>
                  <a:gd name="connsiteY246" fmla="*/ 3077402 h 6858002"/>
                  <a:gd name="connsiteX247" fmla="*/ 4193158 w 4572002"/>
                  <a:gd name="connsiteY247" fmla="*/ 3077401 h 6858002"/>
                  <a:gd name="connsiteX248" fmla="*/ 4181465 w 4572002"/>
                  <a:gd name="connsiteY248" fmla="*/ 2982148 h 6858002"/>
                  <a:gd name="connsiteX249" fmla="*/ 4177881 w 4572002"/>
                  <a:gd name="connsiteY249" fmla="*/ 2947863 h 6858002"/>
                  <a:gd name="connsiteX250" fmla="*/ 4177882 w 4572002"/>
                  <a:gd name="connsiteY250" fmla="*/ 2947858 h 6858002"/>
                  <a:gd name="connsiteX251" fmla="*/ 4185787 w 4572002"/>
                  <a:gd name="connsiteY251" fmla="*/ 2903551 h 6858002"/>
                  <a:gd name="connsiteX252" fmla="*/ 4202421 w 4572002"/>
                  <a:gd name="connsiteY252" fmla="*/ 2848794 h 6858002"/>
                  <a:gd name="connsiteX253" fmla="*/ 4211111 w 4572002"/>
                  <a:gd name="connsiteY253" fmla="*/ 2836173 h 6858002"/>
                  <a:gd name="connsiteX254" fmla="*/ 3726625 w 4572002"/>
                  <a:gd name="connsiteY254" fmla="*/ 1508458 h 6858002"/>
                  <a:gd name="connsiteX255" fmla="*/ 3698531 w 4572002"/>
                  <a:gd name="connsiteY255" fmla="*/ 1596214 h 6858002"/>
                  <a:gd name="connsiteX256" fmla="*/ 3700436 w 4572002"/>
                  <a:gd name="connsiteY256" fmla="*/ 1624981 h 6858002"/>
                  <a:gd name="connsiteX257" fmla="*/ 3757017 w 4572002"/>
                  <a:gd name="connsiteY257" fmla="*/ 1697754 h 6858002"/>
                  <a:gd name="connsiteX258" fmla="*/ 3779686 w 4572002"/>
                  <a:gd name="connsiteY258" fmla="*/ 1733189 h 6858002"/>
                  <a:gd name="connsiteX259" fmla="*/ 3821407 w 4572002"/>
                  <a:gd name="connsiteY259" fmla="*/ 1833776 h 6858002"/>
                  <a:gd name="connsiteX260" fmla="*/ 3829028 w 4572002"/>
                  <a:gd name="connsiteY260" fmla="*/ 1842159 h 6858002"/>
                  <a:gd name="connsiteX261" fmla="*/ 3919519 w 4572002"/>
                  <a:gd name="connsiteY261" fmla="*/ 1916455 h 6858002"/>
                  <a:gd name="connsiteX262" fmla="*/ 3934949 w 4572002"/>
                  <a:gd name="connsiteY262" fmla="*/ 1933220 h 6858002"/>
                  <a:gd name="connsiteX263" fmla="*/ 3958954 w 4572002"/>
                  <a:gd name="connsiteY263" fmla="*/ 1953414 h 6858002"/>
                  <a:gd name="connsiteX264" fmla="*/ 4005437 w 4572002"/>
                  <a:gd name="connsiteY264" fmla="*/ 2016470 h 6858002"/>
                  <a:gd name="connsiteX265" fmla="*/ 4020296 w 4572002"/>
                  <a:gd name="connsiteY265" fmla="*/ 2094579 h 6858002"/>
                  <a:gd name="connsiteX266" fmla="*/ 4042967 w 4572002"/>
                  <a:gd name="connsiteY266" fmla="*/ 2188880 h 6858002"/>
                  <a:gd name="connsiteX267" fmla="*/ 4058207 w 4572002"/>
                  <a:gd name="connsiteY267" fmla="*/ 2228315 h 6858002"/>
                  <a:gd name="connsiteX268" fmla="*/ 4087164 w 4572002"/>
                  <a:gd name="connsiteY268" fmla="*/ 2334045 h 6858002"/>
                  <a:gd name="connsiteX269" fmla="*/ 4111549 w 4572002"/>
                  <a:gd name="connsiteY269" fmla="*/ 2409486 h 6858002"/>
                  <a:gd name="connsiteX270" fmla="*/ 4128650 w 4572002"/>
                  <a:gd name="connsiteY270" fmla="*/ 2435913 h 6858002"/>
                  <a:gd name="connsiteX271" fmla="*/ 4134481 w 4572002"/>
                  <a:gd name="connsiteY271" fmla="*/ 2463018 h 6858002"/>
                  <a:gd name="connsiteX272" fmla="*/ 4125839 w 4572002"/>
                  <a:gd name="connsiteY272" fmla="*/ 2518262 h 6858002"/>
                  <a:gd name="connsiteX273" fmla="*/ 4125838 w 4572002"/>
                  <a:gd name="connsiteY273" fmla="*/ 2518264 h 6858002"/>
                  <a:gd name="connsiteX274" fmla="*/ 4122194 w 4572002"/>
                  <a:gd name="connsiteY274" fmla="*/ 2545006 h 6858002"/>
                  <a:gd name="connsiteX275" fmla="*/ 4122194 w 4572002"/>
                  <a:gd name="connsiteY275" fmla="*/ 2545007 h 6858002"/>
                  <a:gd name="connsiteX276" fmla="*/ 4126408 w 4572002"/>
                  <a:gd name="connsiteY276" fmla="*/ 2571035 h 6858002"/>
                  <a:gd name="connsiteX277" fmla="*/ 4199563 w 4572002"/>
                  <a:gd name="connsiteY277" fmla="*/ 2668002 h 6858002"/>
                  <a:gd name="connsiteX278" fmla="*/ 4247953 w 4572002"/>
                  <a:gd name="connsiteY278" fmla="*/ 2745349 h 6858002"/>
                  <a:gd name="connsiteX279" fmla="*/ 4247954 w 4572002"/>
                  <a:gd name="connsiteY279" fmla="*/ 2745352 h 6858002"/>
                  <a:gd name="connsiteX280" fmla="*/ 4253873 w 4572002"/>
                  <a:gd name="connsiteY280" fmla="*/ 2778006 h 6858002"/>
                  <a:gd name="connsiteX281" fmla="*/ 4253453 w 4572002"/>
                  <a:gd name="connsiteY281" fmla="*/ 2785440 h 6858002"/>
                  <a:gd name="connsiteX282" fmla="*/ 4243374 w 4572002"/>
                  <a:gd name="connsiteY282" fmla="*/ 2811780 h 6858002"/>
                  <a:gd name="connsiteX283" fmla="*/ 4243371 w 4572002"/>
                  <a:gd name="connsiteY283" fmla="*/ 2811787 h 6858002"/>
                  <a:gd name="connsiteX284" fmla="*/ 4243372 w 4572002"/>
                  <a:gd name="connsiteY284" fmla="*/ 2811787 h 6858002"/>
                  <a:gd name="connsiteX285" fmla="*/ 4243374 w 4572002"/>
                  <a:gd name="connsiteY285" fmla="*/ 2811780 h 6858002"/>
                  <a:gd name="connsiteX286" fmla="*/ 4253025 w 4572002"/>
                  <a:gd name="connsiteY286" fmla="*/ 2793023 h 6858002"/>
                  <a:gd name="connsiteX287" fmla="*/ 4253453 w 4572002"/>
                  <a:gd name="connsiteY287" fmla="*/ 2785440 h 6858002"/>
                  <a:gd name="connsiteX288" fmla="*/ 4254654 w 4572002"/>
                  <a:gd name="connsiteY288" fmla="*/ 2782305 h 6858002"/>
                  <a:gd name="connsiteX289" fmla="*/ 4253873 w 4572002"/>
                  <a:gd name="connsiteY289" fmla="*/ 2778006 h 6858002"/>
                  <a:gd name="connsiteX290" fmla="*/ 4254284 w 4572002"/>
                  <a:gd name="connsiteY290" fmla="*/ 2770758 h 6858002"/>
                  <a:gd name="connsiteX291" fmla="*/ 4247954 w 4572002"/>
                  <a:gd name="connsiteY291" fmla="*/ 2745352 h 6858002"/>
                  <a:gd name="connsiteX292" fmla="*/ 4247953 w 4572002"/>
                  <a:gd name="connsiteY292" fmla="*/ 2745348 h 6858002"/>
                  <a:gd name="connsiteX293" fmla="*/ 4199563 w 4572002"/>
                  <a:gd name="connsiteY293" fmla="*/ 2668001 h 6858002"/>
                  <a:gd name="connsiteX294" fmla="*/ 4126408 w 4572002"/>
                  <a:gd name="connsiteY294" fmla="*/ 2571034 h 6858002"/>
                  <a:gd name="connsiteX295" fmla="*/ 4122194 w 4572002"/>
                  <a:gd name="connsiteY295" fmla="*/ 2545007 h 6858002"/>
                  <a:gd name="connsiteX296" fmla="*/ 4125838 w 4572002"/>
                  <a:gd name="connsiteY296" fmla="*/ 2518265 h 6858002"/>
                  <a:gd name="connsiteX297" fmla="*/ 4125839 w 4572002"/>
                  <a:gd name="connsiteY297" fmla="*/ 2518262 h 6858002"/>
                  <a:gd name="connsiteX298" fmla="*/ 4132419 w 4572002"/>
                  <a:gd name="connsiteY298" fmla="*/ 2490551 h 6858002"/>
                  <a:gd name="connsiteX299" fmla="*/ 4134481 w 4572002"/>
                  <a:gd name="connsiteY299" fmla="*/ 2463018 h 6858002"/>
                  <a:gd name="connsiteX300" fmla="*/ 4134481 w 4572002"/>
                  <a:gd name="connsiteY300" fmla="*/ 2463017 h 6858002"/>
                  <a:gd name="connsiteX301" fmla="*/ 4111549 w 4572002"/>
                  <a:gd name="connsiteY301" fmla="*/ 2409485 h 6858002"/>
                  <a:gd name="connsiteX302" fmla="*/ 4087164 w 4572002"/>
                  <a:gd name="connsiteY302" fmla="*/ 2334044 h 6858002"/>
                  <a:gd name="connsiteX303" fmla="*/ 4058207 w 4572002"/>
                  <a:gd name="connsiteY303" fmla="*/ 2228314 h 6858002"/>
                  <a:gd name="connsiteX304" fmla="*/ 4042967 w 4572002"/>
                  <a:gd name="connsiteY304" fmla="*/ 2188879 h 6858002"/>
                  <a:gd name="connsiteX305" fmla="*/ 4020296 w 4572002"/>
                  <a:gd name="connsiteY305" fmla="*/ 2094578 h 6858002"/>
                  <a:gd name="connsiteX306" fmla="*/ 4005437 w 4572002"/>
                  <a:gd name="connsiteY306" fmla="*/ 2016469 h 6858002"/>
                  <a:gd name="connsiteX307" fmla="*/ 3958954 w 4572002"/>
                  <a:gd name="connsiteY307" fmla="*/ 1953413 h 6858002"/>
                  <a:gd name="connsiteX308" fmla="*/ 3934949 w 4572002"/>
                  <a:gd name="connsiteY308" fmla="*/ 1933219 h 6858002"/>
                  <a:gd name="connsiteX309" fmla="*/ 3919519 w 4572002"/>
                  <a:gd name="connsiteY309" fmla="*/ 1916454 h 6858002"/>
                  <a:gd name="connsiteX310" fmla="*/ 3829028 w 4572002"/>
                  <a:gd name="connsiteY310" fmla="*/ 1842158 h 6858002"/>
                  <a:gd name="connsiteX311" fmla="*/ 3821407 w 4572002"/>
                  <a:gd name="connsiteY311" fmla="*/ 1833775 h 6858002"/>
                  <a:gd name="connsiteX312" fmla="*/ 3779686 w 4572002"/>
                  <a:gd name="connsiteY312" fmla="*/ 1733188 h 6858002"/>
                  <a:gd name="connsiteX313" fmla="*/ 3757018 w 4572002"/>
                  <a:gd name="connsiteY313" fmla="*/ 1697753 h 6858002"/>
                  <a:gd name="connsiteX314" fmla="*/ 3700436 w 4572002"/>
                  <a:gd name="connsiteY314" fmla="*/ 1624980 h 6858002"/>
                  <a:gd name="connsiteX315" fmla="*/ 3698532 w 4572002"/>
                  <a:gd name="connsiteY315" fmla="*/ 1596213 h 6858002"/>
                  <a:gd name="connsiteX316" fmla="*/ 3745230 w 4572002"/>
                  <a:gd name="connsiteY316" fmla="*/ 1459073 h 6858002"/>
                  <a:gd name="connsiteX317" fmla="*/ 3745229 w 4572002"/>
                  <a:gd name="connsiteY317" fmla="*/ 1459074 h 6858002"/>
                  <a:gd name="connsiteX318" fmla="*/ 3736012 w 4572002"/>
                  <a:gd name="connsiteY318" fmla="*/ 1481572 h 6858002"/>
                  <a:gd name="connsiteX319" fmla="*/ 3764423 w 4572002"/>
                  <a:gd name="connsiteY319" fmla="*/ 1268758 h 6858002"/>
                  <a:gd name="connsiteX320" fmla="*/ 3769590 w 4572002"/>
                  <a:gd name="connsiteY320" fmla="*/ 1286070 h 6858002"/>
                  <a:gd name="connsiteX321" fmla="*/ 3791927 w 4572002"/>
                  <a:gd name="connsiteY321" fmla="*/ 1350628 h 6858002"/>
                  <a:gd name="connsiteX322" fmla="*/ 3786333 w 4572002"/>
                  <a:gd name="connsiteY322" fmla="*/ 1413840 h 6858002"/>
                  <a:gd name="connsiteX323" fmla="*/ 3791928 w 4572002"/>
                  <a:gd name="connsiteY323" fmla="*/ 1350627 h 6858002"/>
                  <a:gd name="connsiteX324" fmla="*/ 3769590 w 4572002"/>
                  <a:gd name="connsiteY324" fmla="*/ 1286069 h 6858002"/>
                  <a:gd name="connsiteX325" fmla="*/ 3706152 w 4572002"/>
                  <a:gd name="connsiteY325" fmla="*/ 773035 h 6858002"/>
                  <a:gd name="connsiteX326" fmla="*/ 3706152 w 4572002"/>
                  <a:gd name="connsiteY326" fmla="*/ 773036 h 6858002"/>
                  <a:gd name="connsiteX327" fmla="*/ 3714152 w 4572002"/>
                  <a:gd name="connsiteY327" fmla="*/ 854380 h 6858002"/>
                  <a:gd name="connsiteX328" fmla="*/ 3745205 w 4572002"/>
                  <a:gd name="connsiteY328" fmla="*/ 915344 h 6858002"/>
                  <a:gd name="connsiteX329" fmla="*/ 3755683 w 4572002"/>
                  <a:gd name="connsiteY329" fmla="*/ 927156 h 6858002"/>
                  <a:gd name="connsiteX330" fmla="*/ 3752063 w 4572002"/>
                  <a:gd name="connsiteY330" fmla="*/ 1097088 h 6858002"/>
                  <a:gd name="connsiteX331" fmla="*/ 3747681 w 4572002"/>
                  <a:gd name="connsiteY331" fmla="*/ 1123186 h 6858002"/>
                  <a:gd name="connsiteX332" fmla="*/ 3772400 w 4572002"/>
                  <a:gd name="connsiteY332" fmla="*/ 1184029 h 6858002"/>
                  <a:gd name="connsiteX333" fmla="*/ 3747682 w 4572002"/>
                  <a:gd name="connsiteY333" fmla="*/ 1123185 h 6858002"/>
                  <a:gd name="connsiteX334" fmla="*/ 3752064 w 4572002"/>
                  <a:gd name="connsiteY334" fmla="*/ 1097087 h 6858002"/>
                  <a:gd name="connsiteX335" fmla="*/ 3755684 w 4572002"/>
                  <a:gd name="connsiteY335" fmla="*/ 927155 h 6858002"/>
                  <a:gd name="connsiteX336" fmla="*/ 3745206 w 4572002"/>
                  <a:gd name="connsiteY336" fmla="*/ 915343 h 6858002"/>
                  <a:gd name="connsiteX337" fmla="*/ 3714152 w 4572002"/>
                  <a:gd name="connsiteY337" fmla="*/ 854379 h 6858002"/>
                  <a:gd name="connsiteX338" fmla="*/ 3761553 w 4572002"/>
                  <a:gd name="connsiteY338" fmla="*/ 517851 h 6858002"/>
                  <a:gd name="connsiteX339" fmla="*/ 3752635 w 4572002"/>
                  <a:gd name="connsiteY339" fmla="*/ 556048 h 6858002"/>
                  <a:gd name="connsiteX340" fmla="*/ 3746157 w 4572002"/>
                  <a:gd name="connsiteY340" fmla="*/ 580051 h 6858002"/>
                  <a:gd name="connsiteX341" fmla="*/ 3742776 w 4572002"/>
                  <a:gd name="connsiteY341" fmla="*/ 642538 h 6858002"/>
                  <a:gd name="connsiteX342" fmla="*/ 3730253 w 4572002"/>
                  <a:gd name="connsiteY342" fmla="*/ 694928 h 6858002"/>
                  <a:gd name="connsiteX343" fmla="*/ 3742777 w 4572002"/>
                  <a:gd name="connsiteY343" fmla="*/ 642537 h 6858002"/>
                  <a:gd name="connsiteX344" fmla="*/ 3746158 w 4572002"/>
                  <a:gd name="connsiteY344" fmla="*/ 580050 h 6858002"/>
                  <a:gd name="connsiteX345" fmla="*/ 3752636 w 4572002"/>
                  <a:gd name="connsiteY345" fmla="*/ 556047 h 6858002"/>
                  <a:gd name="connsiteX346" fmla="*/ 3774848 w 4572002"/>
                  <a:gd name="connsiteY346" fmla="*/ 298169 h 6858002"/>
                  <a:gd name="connsiteX347" fmla="*/ 3760065 w 4572002"/>
                  <a:gd name="connsiteY347" fmla="*/ 313534 h 6858002"/>
                  <a:gd name="connsiteX348" fmla="*/ 3759493 w 4572002"/>
                  <a:gd name="connsiteY348" fmla="*/ 338871 h 6858002"/>
                  <a:gd name="connsiteX349" fmla="*/ 3759500 w 4572002"/>
                  <a:gd name="connsiteY349" fmla="*/ 338900 h 6858002"/>
                  <a:gd name="connsiteX350" fmla="*/ 3769400 w 4572002"/>
                  <a:gd name="connsiteY350" fmla="*/ 395640 h 6858002"/>
                  <a:gd name="connsiteX351" fmla="*/ 3765590 w 4572002"/>
                  <a:gd name="connsiteY351" fmla="*/ 367328 h 6858002"/>
                  <a:gd name="connsiteX352" fmla="*/ 3759500 w 4572002"/>
                  <a:gd name="connsiteY352" fmla="*/ 338900 h 6858002"/>
                  <a:gd name="connsiteX353" fmla="*/ 3759494 w 4572002"/>
                  <a:gd name="connsiteY353" fmla="*/ 338870 h 6858002"/>
                  <a:gd name="connsiteX354" fmla="*/ 3760066 w 4572002"/>
                  <a:gd name="connsiteY354" fmla="*/ 313533 h 6858002"/>
                  <a:gd name="connsiteX355" fmla="*/ 3782393 w 4572002"/>
                  <a:gd name="connsiteY355" fmla="*/ 281568 h 6858002"/>
                  <a:gd name="connsiteX356" fmla="*/ 3777498 w 4572002"/>
                  <a:gd name="connsiteY356" fmla="*/ 295415 h 6858002"/>
                  <a:gd name="connsiteX357" fmla="*/ 3777499 w 4572002"/>
                  <a:gd name="connsiteY357" fmla="*/ 295415 h 6858002"/>
                  <a:gd name="connsiteX358" fmla="*/ 3769073 w 4572002"/>
                  <a:gd name="connsiteY358" fmla="*/ 24486 h 6858002"/>
                  <a:gd name="connsiteX359" fmla="*/ 3766810 w 4572002"/>
                  <a:gd name="connsiteY359" fmla="*/ 74129 h 6858002"/>
                  <a:gd name="connsiteX360" fmla="*/ 3772734 w 4572002"/>
                  <a:gd name="connsiteY360" fmla="*/ 125861 h 6858002"/>
                  <a:gd name="connsiteX361" fmla="*/ 3777129 w 4572002"/>
                  <a:gd name="connsiteY361" fmla="*/ 153387 h 6858002"/>
                  <a:gd name="connsiteX362" fmla="*/ 3785402 w 4572002"/>
                  <a:gd name="connsiteY362" fmla="*/ 228944 h 6858002"/>
                  <a:gd name="connsiteX363" fmla="*/ 3780943 w 4572002"/>
                  <a:gd name="connsiteY363" fmla="*/ 177271 h 6858002"/>
                  <a:gd name="connsiteX364" fmla="*/ 3777129 w 4572002"/>
                  <a:gd name="connsiteY364" fmla="*/ 153387 h 6858002"/>
                  <a:gd name="connsiteX365" fmla="*/ 3776930 w 4572002"/>
                  <a:gd name="connsiteY365" fmla="*/ 151569 h 6858002"/>
                  <a:gd name="connsiteX366" fmla="*/ 3766811 w 4572002"/>
                  <a:gd name="connsiteY366" fmla="*/ 74129 h 6858002"/>
                  <a:gd name="connsiteX367" fmla="*/ 3766492 w 4572002"/>
                  <a:gd name="connsiteY367" fmla="*/ 0 h 6858002"/>
                  <a:gd name="connsiteX368" fmla="*/ 4230600 w 4572002"/>
                  <a:gd name="connsiteY368" fmla="*/ 0 h 6858002"/>
                  <a:gd name="connsiteX369" fmla="*/ 4229473 w 4572002"/>
                  <a:gd name="connsiteY369" fmla="*/ 2817 h 6858002"/>
                  <a:gd name="connsiteX370" fmla="*/ 4215375 w 4572002"/>
                  <a:gd name="connsiteY370" fmla="*/ 63587 h 6858002"/>
                  <a:gd name="connsiteX371" fmla="*/ 4201468 w 4572002"/>
                  <a:gd name="connsiteY371" fmla="*/ 176939 h 6858002"/>
                  <a:gd name="connsiteX372" fmla="*/ 4193466 w 4572002"/>
                  <a:gd name="connsiteY372" fmla="*/ 200182 h 6858002"/>
                  <a:gd name="connsiteX373" fmla="*/ 4155554 w 4572002"/>
                  <a:gd name="connsiteY373" fmla="*/ 340774 h 6858002"/>
                  <a:gd name="connsiteX374" fmla="*/ 4156319 w 4572002"/>
                  <a:gd name="connsiteY374" fmla="*/ 453364 h 6858002"/>
                  <a:gd name="connsiteX375" fmla="*/ 4158033 w 4572002"/>
                  <a:gd name="connsiteY375" fmla="*/ 462126 h 6858002"/>
                  <a:gd name="connsiteX376" fmla="*/ 4170605 w 4572002"/>
                  <a:gd name="connsiteY376" fmla="*/ 505182 h 6858002"/>
                  <a:gd name="connsiteX377" fmla="*/ 4167177 w 4572002"/>
                  <a:gd name="connsiteY377" fmla="*/ 571860 h 6858002"/>
                  <a:gd name="connsiteX378" fmla="*/ 4149840 w 4572002"/>
                  <a:gd name="connsiteY378" fmla="*/ 617772 h 6858002"/>
                  <a:gd name="connsiteX379" fmla="*/ 4149078 w 4572002"/>
                  <a:gd name="connsiteY379" fmla="*/ 674923 h 6858002"/>
                  <a:gd name="connsiteX380" fmla="*/ 4159937 w 4572002"/>
                  <a:gd name="connsiteY380" fmla="*/ 740268 h 6858002"/>
                  <a:gd name="connsiteX381" fmla="*/ 4162223 w 4572002"/>
                  <a:gd name="connsiteY381" fmla="*/ 769605 h 6858002"/>
                  <a:gd name="connsiteX382" fmla="*/ 4184703 w 4572002"/>
                  <a:gd name="connsiteY382" fmla="*/ 850189 h 6858002"/>
                  <a:gd name="connsiteX383" fmla="*/ 4179179 w 4572002"/>
                  <a:gd name="connsiteY383" fmla="*/ 898198 h 6858002"/>
                  <a:gd name="connsiteX384" fmla="*/ 4164319 w 4572002"/>
                  <a:gd name="connsiteY384" fmla="*/ 945444 h 6858002"/>
                  <a:gd name="connsiteX385" fmla="*/ 4150030 w 4572002"/>
                  <a:gd name="connsiteY385" fmla="*/ 975733 h 6858002"/>
                  <a:gd name="connsiteX386" fmla="*/ 4139934 w 4572002"/>
                  <a:gd name="connsiteY386" fmla="*/ 1036887 h 6858002"/>
                  <a:gd name="connsiteX387" fmla="*/ 4141458 w 4572002"/>
                  <a:gd name="connsiteY387" fmla="*/ 1048125 h 6858002"/>
                  <a:gd name="connsiteX388" fmla="*/ 4154032 w 4572002"/>
                  <a:gd name="connsiteY388" fmla="*/ 1230633 h 6858002"/>
                  <a:gd name="connsiteX389" fmla="*/ 4174225 w 4572002"/>
                  <a:gd name="connsiteY389" fmla="*/ 1303024 h 6858002"/>
                  <a:gd name="connsiteX390" fmla="*/ 4176701 w 4572002"/>
                  <a:gd name="connsiteY390" fmla="*/ 1318456 h 6858002"/>
                  <a:gd name="connsiteX391" fmla="*/ 4199372 w 4572002"/>
                  <a:gd name="connsiteY391" fmla="*/ 1472575 h 6858002"/>
                  <a:gd name="connsiteX392" fmla="*/ 4200325 w 4572002"/>
                  <a:gd name="connsiteY392" fmla="*/ 1489720 h 6858002"/>
                  <a:gd name="connsiteX393" fmla="*/ 4196324 w 4572002"/>
                  <a:gd name="connsiteY393" fmla="*/ 1537537 h 6858002"/>
                  <a:gd name="connsiteX394" fmla="*/ 4237474 w 4572002"/>
                  <a:gd name="connsiteY394" fmla="*/ 1650317 h 6858002"/>
                  <a:gd name="connsiteX395" fmla="*/ 4251572 w 4572002"/>
                  <a:gd name="connsiteY395" fmla="*/ 1763287 h 6858002"/>
                  <a:gd name="connsiteX396" fmla="*/ 4251380 w 4572002"/>
                  <a:gd name="connsiteY396" fmla="*/ 1825393 h 6858002"/>
                  <a:gd name="connsiteX397" fmla="*/ 4261478 w 4572002"/>
                  <a:gd name="connsiteY397" fmla="*/ 1869780 h 6858002"/>
                  <a:gd name="connsiteX398" fmla="*/ 4292149 w 4572002"/>
                  <a:gd name="connsiteY398" fmla="*/ 1978940 h 6858002"/>
                  <a:gd name="connsiteX399" fmla="*/ 4296911 w 4572002"/>
                  <a:gd name="connsiteY399" fmla="*/ 2030378 h 6858002"/>
                  <a:gd name="connsiteX400" fmla="*/ 4307201 w 4572002"/>
                  <a:gd name="connsiteY400" fmla="*/ 2085054 h 6858002"/>
                  <a:gd name="connsiteX401" fmla="*/ 4353302 w 4572002"/>
                  <a:gd name="connsiteY401" fmla="*/ 2220312 h 6858002"/>
                  <a:gd name="connsiteX402" fmla="*/ 4350636 w 4572002"/>
                  <a:gd name="connsiteY402" fmla="*/ 2330806 h 6858002"/>
                  <a:gd name="connsiteX403" fmla="*/ 4351206 w 4572002"/>
                  <a:gd name="connsiteY403" fmla="*/ 2401292 h 6858002"/>
                  <a:gd name="connsiteX404" fmla="*/ 4366446 w 4572002"/>
                  <a:gd name="connsiteY404" fmla="*/ 2485307 h 6858002"/>
                  <a:gd name="connsiteX405" fmla="*/ 4388736 w 4572002"/>
                  <a:gd name="connsiteY405" fmla="*/ 2554079 h 6858002"/>
                  <a:gd name="connsiteX406" fmla="*/ 4406453 w 4572002"/>
                  <a:gd name="connsiteY406" fmla="*/ 2649143 h 6858002"/>
                  <a:gd name="connsiteX407" fmla="*/ 4440554 w 4572002"/>
                  <a:gd name="connsiteY407" fmla="*/ 2743826 h 6858002"/>
                  <a:gd name="connsiteX408" fmla="*/ 4466653 w 4572002"/>
                  <a:gd name="connsiteY408" fmla="*/ 2809930 h 6858002"/>
                  <a:gd name="connsiteX409" fmla="*/ 4489705 w 4572002"/>
                  <a:gd name="connsiteY409" fmla="*/ 2901943 h 6858002"/>
                  <a:gd name="connsiteX410" fmla="*/ 4505897 w 4572002"/>
                  <a:gd name="connsiteY410" fmla="*/ 3042728 h 6858002"/>
                  <a:gd name="connsiteX411" fmla="*/ 4507613 w 4572002"/>
                  <a:gd name="connsiteY411" fmla="*/ 3107500 h 6858002"/>
                  <a:gd name="connsiteX412" fmla="*/ 4545521 w 4572002"/>
                  <a:gd name="connsiteY412" fmla="*/ 3209993 h 6858002"/>
                  <a:gd name="connsiteX413" fmla="*/ 4563811 w 4572002"/>
                  <a:gd name="connsiteY413" fmla="*/ 3253809 h 6858002"/>
                  <a:gd name="connsiteX414" fmla="*/ 4548570 w 4572002"/>
                  <a:gd name="connsiteY414" fmla="*/ 3293244 h 6858002"/>
                  <a:gd name="connsiteX415" fmla="*/ 4531043 w 4572002"/>
                  <a:gd name="connsiteY415" fmla="*/ 3318771 h 6858002"/>
                  <a:gd name="connsiteX416" fmla="*/ 4545904 w 4572002"/>
                  <a:gd name="connsiteY416" fmla="*/ 3399546 h 6858002"/>
                  <a:gd name="connsiteX417" fmla="*/ 4561524 w 4572002"/>
                  <a:gd name="connsiteY417" fmla="*/ 3485275 h 6858002"/>
                  <a:gd name="connsiteX418" fmla="*/ 4572002 w 4572002"/>
                  <a:gd name="connsiteY418" fmla="*/ 3546617 h 6858002"/>
                  <a:gd name="connsiteX419" fmla="*/ 4563620 w 4572002"/>
                  <a:gd name="connsiteY419" fmla="*/ 3623201 h 6858002"/>
                  <a:gd name="connsiteX420" fmla="*/ 4560192 w 4572002"/>
                  <a:gd name="connsiteY420" fmla="*/ 3683591 h 6858002"/>
                  <a:gd name="connsiteX421" fmla="*/ 4550476 w 4572002"/>
                  <a:gd name="connsiteY421" fmla="*/ 3732361 h 6858002"/>
                  <a:gd name="connsiteX422" fmla="*/ 4544759 w 4572002"/>
                  <a:gd name="connsiteY422" fmla="*/ 3749506 h 6858002"/>
                  <a:gd name="connsiteX423" fmla="*/ 4500182 w 4572002"/>
                  <a:gd name="connsiteY423" fmla="*/ 3885338 h 6858002"/>
                  <a:gd name="connsiteX424" fmla="*/ 4464557 w 4572002"/>
                  <a:gd name="connsiteY424" fmla="*/ 4030503 h 6858002"/>
                  <a:gd name="connsiteX425" fmla="*/ 4487039 w 4572002"/>
                  <a:gd name="connsiteY425" fmla="*/ 4124614 h 6858002"/>
                  <a:gd name="connsiteX426" fmla="*/ 4486656 w 4572002"/>
                  <a:gd name="connsiteY426" fmla="*/ 4159667 h 6858002"/>
                  <a:gd name="connsiteX427" fmla="*/ 4491801 w 4572002"/>
                  <a:gd name="connsiteY427" fmla="*/ 4320837 h 6858002"/>
                  <a:gd name="connsiteX428" fmla="*/ 4497325 w 4572002"/>
                  <a:gd name="connsiteY428" fmla="*/ 4349222 h 6858002"/>
                  <a:gd name="connsiteX429" fmla="*/ 4474653 w 4572002"/>
                  <a:gd name="connsiteY429" fmla="*/ 4502579 h 6858002"/>
                  <a:gd name="connsiteX430" fmla="*/ 4470844 w 4572002"/>
                  <a:gd name="connsiteY430" fmla="*/ 4558207 h 6858002"/>
                  <a:gd name="connsiteX431" fmla="*/ 4464557 w 4572002"/>
                  <a:gd name="connsiteY431" fmla="*/ 4609452 h 6858002"/>
                  <a:gd name="connsiteX432" fmla="*/ 4463033 w 4572002"/>
                  <a:gd name="connsiteY432" fmla="*/ 4681083 h 6858002"/>
                  <a:gd name="connsiteX433" fmla="*/ 4465891 w 4572002"/>
                  <a:gd name="connsiteY433" fmla="*/ 4755381 h 6858002"/>
                  <a:gd name="connsiteX434" fmla="*/ 4465319 w 4572002"/>
                  <a:gd name="connsiteY434" fmla="*/ 4838250 h 6858002"/>
                  <a:gd name="connsiteX435" fmla="*/ 4460367 w 4572002"/>
                  <a:gd name="connsiteY435" fmla="*/ 4871019 h 6858002"/>
                  <a:gd name="connsiteX436" fmla="*/ 4463795 w 4572002"/>
                  <a:gd name="connsiteY436" fmla="*/ 4959602 h 6858002"/>
                  <a:gd name="connsiteX437" fmla="*/ 4458082 w 4572002"/>
                  <a:gd name="connsiteY437" fmla="*/ 5006086 h 6858002"/>
                  <a:gd name="connsiteX438" fmla="*/ 4456937 w 4572002"/>
                  <a:gd name="connsiteY438" fmla="*/ 5082670 h 6858002"/>
                  <a:gd name="connsiteX439" fmla="*/ 4455603 w 4572002"/>
                  <a:gd name="connsiteY439" fmla="*/ 5107627 h 6858002"/>
                  <a:gd name="connsiteX440" fmla="*/ 4454840 w 4572002"/>
                  <a:gd name="connsiteY440" fmla="*/ 5129916 h 6858002"/>
                  <a:gd name="connsiteX441" fmla="*/ 4470464 w 4572002"/>
                  <a:gd name="connsiteY441" fmla="*/ 5206308 h 6858002"/>
                  <a:gd name="connsiteX442" fmla="*/ 4471415 w 4572002"/>
                  <a:gd name="connsiteY442" fmla="*/ 5274129 h 6858002"/>
                  <a:gd name="connsiteX443" fmla="*/ 4483990 w 4572002"/>
                  <a:gd name="connsiteY443" fmla="*/ 5393005 h 6858002"/>
                  <a:gd name="connsiteX444" fmla="*/ 4479607 w 4572002"/>
                  <a:gd name="connsiteY444" fmla="*/ 5419295 h 6858002"/>
                  <a:gd name="connsiteX445" fmla="*/ 4477894 w 4572002"/>
                  <a:gd name="connsiteY445" fmla="*/ 5501594 h 6858002"/>
                  <a:gd name="connsiteX446" fmla="*/ 4476560 w 4572002"/>
                  <a:gd name="connsiteY446" fmla="*/ 5548460 h 6858002"/>
                  <a:gd name="connsiteX447" fmla="*/ 4485703 w 4572002"/>
                  <a:gd name="connsiteY447" fmla="*/ 5606372 h 6858002"/>
                  <a:gd name="connsiteX448" fmla="*/ 4505134 w 4572002"/>
                  <a:gd name="connsiteY448" fmla="*/ 5706959 h 6858002"/>
                  <a:gd name="connsiteX449" fmla="*/ 4508183 w 4572002"/>
                  <a:gd name="connsiteY449" fmla="*/ 5733440 h 6858002"/>
                  <a:gd name="connsiteX450" fmla="*/ 4517519 w 4572002"/>
                  <a:gd name="connsiteY450" fmla="*/ 5781830 h 6858002"/>
                  <a:gd name="connsiteX451" fmla="*/ 4519234 w 4572002"/>
                  <a:gd name="connsiteY451" fmla="*/ 5790592 h 6858002"/>
                  <a:gd name="connsiteX452" fmla="*/ 4542855 w 4572002"/>
                  <a:gd name="connsiteY452" fmla="*/ 5864318 h 6858002"/>
                  <a:gd name="connsiteX453" fmla="*/ 4544759 w 4572002"/>
                  <a:gd name="connsiteY453" fmla="*/ 5902610 h 6858002"/>
                  <a:gd name="connsiteX454" fmla="*/ 4544951 w 4572002"/>
                  <a:gd name="connsiteY454" fmla="*/ 6012723 h 6858002"/>
                  <a:gd name="connsiteX455" fmla="*/ 4541332 w 4572002"/>
                  <a:gd name="connsiteY455" fmla="*/ 6059397 h 6858002"/>
                  <a:gd name="connsiteX456" fmla="*/ 4527426 w 4572002"/>
                  <a:gd name="connsiteY456" fmla="*/ 6171605 h 6858002"/>
                  <a:gd name="connsiteX457" fmla="*/ 4520568 w 4572002"/>
                  <a:gd name="connsiteY457" fmla="*/ 6242093 h 6858002"/>
                  <a:gd name="connsiteX458" fmla="*/ 4509706 w 4572002"/>
                  <a:gd name="connsiteY458" fmla="*/ 6323058 h 6858002"/>
                  <a:gd name="connsiteX459" fmla="*/ 4502848 w 4572002"/>
                  <a:gd name="connsiteY459" fmla="*/ 6415833 h 6858002"/>
                  <a:gd name="connsiteX460" fmla="*/ 4482084 w 4572002"/>
                  <a:gd name="connsiteY460" fmla="*/ 6584812 h 6858002"/>
                  <a:gd name="connsiteX461" fmla="*/ 4460557 w 4572002"/>
                  <a:gd name="connsiteY461" fmla="*/ 6748458 h 6858002"/>
                  <a:gd name="connsiteX462" fmla="*/ 4441507 w 4572002"/>
                  <a:gd name="connsiteY462" fmla="*/ 6815516 h 6858002"/>
                  <a:gd name="connsiteX463" fmla="*/ 4431806 w 4572002"/>
                  <a:gd name="connsiteY463" fmla="*/ 6858001 h 6858002"/>
                  <a:gd name="connsiteX464" fmla="*/ 4259554 w 4572002"/>
                  <a:gd name="connsiteY464" fmla="*/ 6858001 h 6858002"/>
                  <a:gd name="connsiteX465" fmla="*/ 4259554 w 4572002"/>
                  <a:gd name="connsiteY465" fmla="*/ 6858002 h 6858002"/>
                  <a:gd name="connsiteX466" fmla="*/ 0 w 4572002"/>
                  <a:gd name="connsiteY466" fmla="*/ 6858002 h 6858002"/>
                  <a:gd name="connsiteX467" fmla="*/ 0 w 4572002"/>
                  <a:gd name="connsiteY467" fmla="*/ 2 h 6858002"/>
                  <a:gd name="connsiteX468" fmla="*/ 3766492 w 4572002"/>
                  <a:gd name="connsiteY468" fmla="*/ 1 h 6858002"/>
                  <a:gd name="connsiteX469" fmla="*/ 3769210 w 4572002"/>
                  <a:gd name="connsiteY469" fmla="*/ 21486 h 68580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  <a:cxn ang="0">
                    <a:pos x="connsiteX439" y="connsiteY439"/>
                  </a:cxn>
                  <a:cxn ang="0">
                    <a:pos x="connsiteX440" y="connsiteY440"/>
                  </a:cxn>
                  <a:cxn ang="0">
                    <a:pos x="connsiteX441" y="connsiteY441"/>
                  </a:cxn>
                  <a:cxn ang="0">
                    <a:pos x="connsiteX442" y="connsiteY442"/>
                  </a:cxn>
                  <a:cxn ang="0">
                    <a:pos x="connsiteX443" y="connsiteY443"/>
                  </a:cxn>
                  <a:cxn ang="0">
                    <a:pos x="connsiteX444" y="connsiteY444"/>
                  </a:cxn>
                  <a:cxn ang="0">
                    <a:pos x="connsiteX445" y="connsiteY445"/>
                  </a:cxn>
                  <a:cxn ang="0">
                    <a:pos x="connsiteX446" y="connsiteY446"/>
                  </a:cxn>
                  <a:cxn ang="0">
                    <a:pos x="connsiteX447" y="connsiteY447"/>
                  </a:cxn>
                  <a:cxn ang="0">
                    <a:pos x="connsiteX448" y="connsiteY448"/>
                  </a:cxn>
                  <a:cxn ang="0">
                    <a:pos x="connsiteX449" y="connsiteY449"/>
                  </a:cxn>
                  <a:cxn ang="0">
                    <a:pos x="connsiteX450" y="connsiteY450"/>
                  </a:cxn>
                  <a:cxn ang="0">
                    <a:pos x="connsiteX451" y="connsiteY451"/>
                  </a:cxn>
                  <a:cxn ang="0">
                    <a:pos x="connsiteX452" y="connsiteY452"/>
                  </a:cxn>
                  <a:cxn ang="0">
                    <a:pos x="connsiteX453" y="connsiteY453"/>
                  </a:cxn>
                  <a:cxn ang="0">
                    <a:pos x="connsiteX454" y="connsiteY454"/>
                  </a:cxn>
                  <a:cxn ang="0">
                    <a:pos x="connsiteX455" y="connsiteY455"/>
                  </a:cxn>
                  <a:cxn ang="0">
                    <a:pos x="connsiteX456" y="connsiteY456"/>
                  </a:cxn>
                  <a:cxn ang="0">
                    <a:pos x="connsiteX457" y="connsiteY457"/>
                  </a:cxn>
                  <a:cxn ang="0">
                    <a:pos x="connsiteX458" y="connsiteY458"/>
                  </a:cxn>
                  <a:cxn ang="0">
                    <a:pos x="connsiteX459" y="connsiteY459"/>
                  </a:cxn>
                  <a:cxn ang="0">
                    <a:pos x="connsiteX460" y="connsiteY460"/>
                  </a:cxn>
                  <a:cxn ang="0">
                    <a:pos x="connsiteX461" y="connsiteY461"/>
                  </a:cxn>
                  <a:cxn ang="0">
                    <a:pos x="connsiteX462" y="connsiteY462"/>
                  </a:cxn>
                  <a:cxn ang="0">
                    <a:pos x="connsiteX463" y="connsiteY463"/>
                  </a:cxn>
                  <a:cxn ang="0">
                    <a:pos x="connsiteX464" y="connsiteY464"/>
                  </a:cxn>
                  <a:cxn ang="0">
                    <a:pos x="connsiteX465" y="connsiteY465"/>
                  </a:cxn>
                  <a:cxn ang="0">
                    <a:pos x="connsiteX466" y="connsiteY466"/>
                  </a:cxn>
                  <a:cxn ang="0">
                    <a:pos x="connsiteX467" y="connsiteY467"/>
                  </a:cxn>
                  <a:cxn ang="0">
                    <a:pos x="connsiteX468" y="connsiteY468"/>
                  </a:cxn>
                  <a:cxn ang="0">
                    <a:pos x="connsiteX469" y="connsiteY469"/>
                  </a:cxn>
                </a:cxnLst>
                <a:rect l="l" t="t" r="r" b="b"/>
                <a:pathLst>
                  <a:path w="4572002" h="6858002">
                    <a:moveTo>
                      <a:pt x="4214994" y="6564620"/>
                    </a:moveTo>
                    <a:lnTo>
                      <a:pt x="4214994" y="6564621"/>
                    </a:lnTo>
                    <a:cubicBezTo>
                      <a:pt x="4225281" y="6575479"/>
                      <a:pt x="4231378" y="6582147"/>
                      <a:pt x="4237474" y="6588626"/>
                    </a:cubicBezTo>
                    <a:lnTo>
                      <a:pt x="4254096" y="6625225"/>
                    </a:lnTo>
                    <a:lnTo>
                      <a:pt x="4247001" y="6662540"/>
                    </a:lnTo>
                    <a:lnTo>
                      <a:pt x="4247000" y="6662541"/>
                    </a:lnTo>
                    <a:lnTo>
                      <a:pt x="4246999" y="6662544"/>
                    </a:lnTo>
                    <a:lnTo>
                      <a:pt x="4235550" y="6683027"/>
                    </a:lnTo>
                    <a:lnTo>
                      <a:pt x="4232403" y="6702976"/>
                    </a:lnTo>
                    <a:lnTo>
                      <a:pt x="4232403" y="6702977"/>
                    </a:lnTo>
                    <a:cubicBezTo>
                      <a:pt x="4232808" y="6716169"/>
                      <a:pt x="4237951" y="6729219"/>
                      <a:pt x="4246238" y="6742553"/>
                    </a:cubicBezTo>
                    <a:lnTo>
                      <a:pt x="4246239" y="6742555"/>
                    </a:lnTo>
                    <a:lnTo>
                      <a:pt x="4265716" y="6812062"/>
                    </a:lnTo>
                    <a:lnTo>
                      <a:pt x="4265717" y="6812064"/>
                    </a:lnTo>
                    <a:lnTo>
                      <a:pt x="4265717" y="6812063"/>
                    </a:lnTo>
                    <a:lnTo>
                      <a:pt x="4265716" y="6812062"/>
                    </a:lnTo>
                    <a:lnTo>
                      <a:pt x="4260942" y="6776800"/>
                    </a:lnTo>
                    <a:lnTo>
                      <a:pt x="4246239" y="6742555"/>
                    </a:lnTo>
                    <a:lnTo>
                      <a:pt x="4246238" y="6742552"/>
                    </a:lnTo>
                    <a:lnTo>
                      <a:pt x="4232403" y="6702976"/>
                    </a:lnTo>
                    <a:lnTo>
                      <a:pt x="4246999" y="6662544"/>
                    </a:lnTo>
                    <a:lnTo>
                      <a:pt x="4247000" y="6662542"/>
                    </a:lnTo>
                    <a:lnTo>
                      <a:pt x="4247001" y="6662540"/>
                    </a:lnTo>
                    <a:lnTo>
                      <a:pt x="4254084" y="6645552"/>
                    </a:lnTo>
                    <a:lnTo>
                      <a:pt x="4254096" y="6625225"/>
                    </a:lnTo>
                    <a:lnTo>
                      <a:pt x="4254096" y="6625224"/>
                    </a:lnTo>
                    <a:cubicBezTo>
                      <a:pt x="4252000" y="6611341"/>
                      <a:pt x="4245951" y="6597578"/>
                      <a:pt x="4237474" y="6588625"/>
                    </a:cubicBezTo>
                    <a:close/>
                    <a:moveTo>
                      <a:pt x="4295315" y="6438981"/>
                    </a:moveTo>
                    <a:lnTo>
                      <a:pt x="4275385" y="6463840"/>
                    </a:lnTo>
                    <a:lnTo>
                      <a:pt x="4275382" y="6463849"/>
                    </a:lnTo>
                    <a:lnTo>
                      <a:pt x="4261587" y="6513012"/>
                    </a:lnTo>
                    <a:lnTo>
                      <a:pt x="4242781" y="6546194"/>
                    </a:lnTo>
                    <a:lnTo>
                      <a:pt x="4242781" y="6546195"/>
                    </a:lnTo>
                    <a:lnTo>
                      <a:pt x="4259120" y="6521804"/>
                    </a:lnTo>
                    <a:lnTo>
                      <a:pt x="4261587" y="6513012"/>
                    </a:lnTo>
                    <a:lnTo>
                      <a:pt x="4264398" y="6508052"/>
                    </a:lnTo>
                    <a:lnTo>
                      <a:pt x="4275382" y="6463849"/>
                    </a:lnTo>
                    <a:lnTo>
                      <a:pt x="4275385" y="6463841"/>
                    </a:lnTo>
                    <a:cubicBezTo>
                      <a:pt x="4278336" y="6451650"/>
                      <a:pt x="4285813" y="6444077"/>
                      <a:pt x="4295315" y="6438981"/>
                    </a:cubicBezTo>
                    <a:close/>
                    <a:moveTo>
                      <a:pt x="4381289" y="6365204"/>
                    </a:moveTo>
                    <a:lnTo>
                      <a:pt x="4380008" y="6387910"/>
                    </a:lnTo>
                    <a:lnTo>
                      <a:pt x="4378243" y="6391549"/>
                    </a:lnTo>
                    <a:lnTo>
                      <a:pt x="4370589" y="6407332"/>
                    </a:lnTo>
                    <a:lnTo>
                      <a:pt x="4370589" y="6407333"/>
                    </a:lnTo>
                    <a:lnTo>
                      <a:pt x="4378243" y="6391549"/>
                    </a:lnTo>
                    <a:lnTo>
                      <a:pt x="4380008" y="6387910"/>
                    </a:lnTo>
                    <a:close/>
                    <a:moveTo>
                      <a:pt x="4142220" y="4221391"/>
                    </a:moveTo>
                    <a:lnTo>
                      <a:pt x="4142220" y="4221392"/>
                    </a:lnTo>
                    <a:cubicBezTo>
                      <a:pt x="4142982" y="4232061"/>
                      <a:pt x="4143172" y="4243873"/>
                      <a:pt x="4147936" y="4253015"/>
                    </a:cubicBezTo>
                    <a:cubicBezTo>
                      <a:pt x="4160129" y="4277402"/>
                      <a:pt x="4175749" y="4300071"/>
                      <a:pt x="4187752" y="4324646"/>
                    </a:cubicBezTo>
                    <a:lnTo>
                      <a:pt x="4196706" y="4363891"/>
                    </a:lnTo>
                    <a:lnTo>
                      <a:pt x="4195944" y="4482004"/>
                    </a:lnTo>
                    <a:cubicBezTo>
                      <a:pt x="4193276" y="4546776"/>
                      <a:pt x="4192704" y="4612500"/>
                      <a:pt x="4135934" y="4659174"/>
                    </a:cubicBezTo>
                    <a:cubicBezTo>
                      <a:pt x="4131362" y="4662986"/>
                      <a:pt x="4128694" y="4671176"/>
                      <a:pt x="4127932" y="4677655"/>
                    </a:cubicBezTo>
                    <a:cubicBezTo>
                      <a:pt x="4124313" y="4707564"/>
                      <a:pt x="4123931" y="4738235"/>
                      <a:pt x="4118025" y="4767764"/>
                    </a:cubicBezTo>
                    <a:cubicBezTo>
                      <a:pt x="4115644" y="4779575"/>
                      <a:pt x="4114835" y="4790387"/>
                      <a:pt x="4116716" y="4800483"/>
                    </a:cubicBezTo>
                    <a:lnTo>
                      <a:pt x="4116716" y="4800484"/>
                    </a:lnTo>
                    <a:cubicBezTo>
                      <a:pt x="4118597" y="4810581"/>
                      <a:pt x="4123170" y="4819964"/>
                      <a:pt x="4131552" y="4828917"/>
                    </a:cubicBezTo>
                    <a:lnTo>
                      <a:pt x="4153733" y="4863343"/>
                    </a:lnTo>
                    <a:lnTo>
                      <a:pt x="4161262" y="4889275"/>
                    </a:lnTo>
                    <a:lnTo>
                      <a:pt x="4159557" y="4912168"/>
                    </a:lnTo>
                    <a:cubicBezTo>
                      <a:pt x="4157842" y="4919978"/>
                      <a:pt x="4157485" y="4927122"/>
                      <a:pt x="4158155" y="4933804"/>
                    </a:cubicBezTo>
                    <a:lnTo>
                      <a:pt x="4158155" y="4933805"/>
                    </a:lnTo>
                    <a:lnTo>
                      <a:pt x="4162914" y="4952673"/>
                    </a:lnTo>
                    <a:lnTo>
                      <a:pt x="4165707" y="4957454"/>
                    </a:lnTo>
                    <a:lnTo>
                      <a:pt x="4166985" y="4961456"/>
                    </a:lnTo>
                    <a:cubicBezTo>
                      <a:pt x="4171496" y="4970097"/>
                      <a:pt x="4177202" y="4978394"/>
                      <a:pt x="4182989" y="4987038"/>
                    </a:cubicBezTo>
                    <a:cubicBezTo>
                      <a:pt x="4194228" y="5003802"/>
                      <a:pt x="4208326" y="5022853"/>
                      <a:pt x="4209468" y="5041522"/>
                    </a:cubicBezTo>
                    <a:cubicBezTo>
                      <a:pt x="4210087" y="5052096"/>
                      <a:pt x="4213005" y="5062300"/>
                      <a:pt x="4216684" y="5072376"/>
                    </a:cubicBezTo>
                    <a:lnTo>
                      <a:pt x="4222587" y="5087441"/>
                    </a:lnTo>
                    <a:lnTo>
                      <a:pt x="4235615" y="5133220"/>
                    </a:lnTo>
                    <a:lnTo>
                      <a:pt x="4235616" y="5133225"/>
                    </a:lnTo>
                    <a:lnTo>
                      <a:pt x="4228901" y="5166113"/>
                    </a:lnTo>
                    <a:lnTo>
                      <a:pt x="4228901" y="5166114"/>
                    </a:lnTo>
                    <a:cubicBezTo>
                      <a:pt x="4228139" y="5167638"/>
                      <a:pt x="4228712" y="5169781"/>
                      <a:pt x="4229593" y="5172091"/>
                    </a:cubicBezTo>
                    <a:lnTo>
                      <a:pt x="4232139" y="5179068"/>
                    </a:lnTo>
                    <a:cubicBezTo>
                      <a:pt x="4235759" y="5196595"/>
                      <a:pt x="4235807" y="5213598"/>
                      <a:pt x="4231973" y="5229434"/>
                    </a:cubicBezTo>
                    <a:lnTo>
                      <a:pt x="4225669" y="5241089"/>
                    </a:lnTo>
                    <a:lnTo>
                      <a:pt x="4208517" y="5272796"/>
                    </a:lnTo>
                    <a:cubicBezTo>
                      <a:pt x="4196871" y="5285441"/>
                      <a:pt x="4189165" y="5298595"/>
                      <a:pt x="4184613" y="5312288"/>
                    </a:cubicBezTo>
                    <a:lnTo>
                      <a:pt x="4183557" y="5321350"/>
                    </a:lnTo>
                    <a:lnTo>
                      <a:pt x="4181083" y="5326163"/>
                    </a:lnTo>
                    <a:lnTo>
                      <a:pt x="4179637" y="5355014"/>
                    </a:lnTo>
                    <a:lnTo>
                      <a:pt x="4179637" y="5355015"/>
                    </a:lnTo>
                    <a:cubicBezTo>
                      <a:pt x="4180286" y="5364883"/>
                      <a:pt x="4181989" y="5375003"/>
                      <a:pt x="4184513" y="5385385"/>
                    </a:cubicBezTo>
                    <a:cubicBezTo>
                      <a:pt x="4187752" y="5398722"/>
                      <a:pt x="4190038" y="5412058"/>
                      <a:pt x="4192704" y="5425583"/>
                    </a:cubicBezTo>
                    <a:cubicBezTo>
                      <a:pt x="4196514" y="5443871"/>
                      <a:pt x="4200516" y="5462352"/>
                      <a:pt x="4204327" y="5480638"/>
                    </a:cubicBezTo>
                    <a:lnTo>
                      <a:pt x="4208850" y="5507668"/>
                    </a:lnTo>
                    <a:lnTo>
                      <a:pt x="4198232" y="5531692"/>
                    </a:lnTo>
                    <a:lnTo>
                      <a:pt x="4198231" y="5531693"/>
                    </a:lnTo>
                    <a:cubicBezTo>
                      <a:pt x="4191181" y="5537600"/>
                      <a:pt x="4187989" y="5542649"/>
                      <a:pt x="4188085" y="5547578"/>
                    </a:cubicBezTo>
                    <a:lnTo>
                      <a:pt x="4188085" y="5547579"/>
                    </a:lnTo>
                    <a:cubicBezTo>
                      <a:pt x="4188180" y="5552508"/>
                      <a:pt x="4191562" y="5557318"/>
                      <a:pt x="4197659" y="5562747"/>
                    </a:cubicBezTo>
                    <a:cubicBezTo>
                      <a:pt x="4240332" y="5600468"/>
                      <a:pt x="4267003" y="5646190"/>
                      <a:pt x="4268907" y="5704484"/>
                    </a:cubicBezTo>
                    <a:cubicBezTo>
                      <a:pt x="4269289" y="5716486"/>
                      <a:pt x="4271954" y="5728679"/>
                      <a:pt x="4274812" y="5740489"/>
                    </a:cubicBezTo>
                    <a:cubicBezTo>
                      <a:pt x="4276527" y="5747729"/>
                      <a:pt x="4278433" y="5756494"/>
                      <a:pt x="4283578" y="5760874"/>
                    </a:cubicBezTo>
                    <a:cubicBezTo>
                      <a:pt x="4322821" y="5794975"/>
                      <a:pt x="4350063" y="5837458"/>
                      <a:pt x="4371973" y="5883752"/>
                    </a:cubicBezTo>
                    <a:lnTo>
                      <a:pt x="4371974" y="5883757"/>
                    </a:lnTo>
                    <a:lnTo>
                      <a:pt x="4389877" y="5935946"/>
                    </a:lnTo>
                    <a:lnTo>
                      <a:pt x="4389878" y="5935950"/>
                    </a:lnTo>
                    <a:lnTo>
                      <a:pt x="4386259" y="5993290"/>
                    </a:lnTo>
                    <a:lnTo>
                      <a:pt x="4386259" y="5993291"/>
                    </a:lnTo>
                    <a:cubicBezTo>
                      <a:pt x="4385116" y="6004531"/>
                      <a:pt x="4385306" y="6017485"/>
                      <a:pt x="4379782" y="6026440"/>
                    </a:cubicBezTo>
                    <a:cubicBezTo>
                      <a:pt x="4362445" y="6054825"/>
                      <a:pt x="4343778" y="6082258"/>
                      <a:pt x="4323583" y="6108738"/>
                    </a:cubicBezTo>
                    <a:cubicBezTo>
                      <a:pt x="4314914" y="6120074"/>
                      <a:pt x="4309961" y="6126884"/>
                      <a:pt x="4309890" y="6133314"/>
                    </a:cubicBezTo>
                    <a:lnTo>
                      <a:pt x="4309890" y="6133315"/>
                    </a:lnTo>
                    <a:lnTo>
                      <a:pt x="4313591" y="6143190"/>
                    </a:lnTo>
                    <a:lnTo>
                      <a:pt x="4325486" y="6155600"/>
                    </a:lnTo>
                    <a:lnTo>
                      <a:pt x="4325488" y="6155603"/>
                    </a:lnTo>
                    <a:cubicBezTo>
                      <a:pt x="4347778" y="6175798"/>
                      <a:pt x="4359398" y="6200945"/>
                      <a:pt x="4364160" y="6228757"/>
                    </a:cubicBezTo>
                    <a:lnTo>
                      <a:pt x="4381497" y="6361540"/>
                    </a:lnTo>
                    <a:lnTo>
                      <a:pt x="4381497" y="6361539"/>
                    </a:lnTo>
                    <a:cubicBezTo>
                      <a:pt x="4377877" y="6317151"/>
                      <a:pt x="4371590" y="6272764"/>
                      <a:pt x="4364160" y="6228756"/>
                    </a:cubicBezTo>
                    <a:cubicBezTo>
                      <a:pt x="4359398" y="6200944"/>
                      <a:pt x="4347778" y="6175797"/>
                      <a:pt x="4325488" y="6155602"/>
                    </a:cubicBezTo>
                    <a:lnTo>
                      <a:pt x="4325486" y="6155600"/>
                    </a:lnTo>
                    <a:lnTo>
                      <a:pt x="4309890" y="6133315"/>
                    </a:lnTo>
                    <a:lnTo>
                      <a:pt x="4323583" y="6108739"/>
                    </a:lnTo>
                    <a:cubicBezTo>
                      <a:pt x="4343778" y="6082259"/>
                      <a:pt x="4362445" y="6054826"/>
                      <a:pt x="4379782" y="6026441"/>
                    </a:cubicBezTo>
                    <a:cubicBezTo>
                      <a:pt x="4385306" y="6017486"/>
                      <a:pt x="4385116" y="6004532"/>
                      <a:pt x="4386259" y="5993292"/>
                    </a:cubicBezTo>
                    <a:lnTo>
                      <a:pt x="4386259" y="5993290"/>
                    </a:lnTo>
                    <a:lnTo>
                      <a:pt x="4389712" y="5964477"/>
                    </a:lnTo>
                    <a:lnTo>
                      <a:pt x="4389878" y="5935950"/>
                    </a:lnTo>
                    <a:lnTo>
                      <a:pt x="4389878" y="5935949"/>
                    </a:lnTo>
                    <a:lnTo>
                      <a:pt x="4389877" y="5935946"/>
                    </a:lnTo>
                    <a:lnTo>
                      <a:pt x="4382997" y="5909351"/>
                    </a:lnTo>
                    <a:lnTo>
                      <a:pt x="4371974" y="5883757"/>
                    </a:lnTo>
                    <a:lnTo>
                      <a:pt x="4371973" y="5883751"/>
                    </a:lnTo>
                    <a:cubicBezTo>
                      <a:pt x="4350063" y="5837457"/>
                      <a:pt x="4322821" y="5794974"/>
                      <a:pt x="4283578" y="5760873"/>
                    </a:cubicBezTo>
                    <a:cubicBezTo>
                      <a:pt x="4278433" y="5756493"/>
                      <a:pt x="4276527" y="5747728"/>
                      <a:pt x="4274812" y="5740488"/>
                    </a:cubicBezTo>
                    <a:cubicBezTo>
                      <a:pt x="4271954" y="5728678"/>
                      <a:pt x="4269289" y="5716485"/>
                      <a:pt x="4268907" y="5704483"/>
                    </a:cubicBezTo>
                    <a:cubicBezTo>
                      <a:pt x="4267003" y="5646189"/>
                      <a:pt x="4240332" y="5600467"/>
                      <a:pt x="4197659" y="5562746"/>
                    </a:cubicBezTo>
                    <a:lnTo>
                      <a:pt x="4188085" y="5547578"/>
                    </a:lnTo>
                    <a:lnTo>
                      <a:pt x="4198231" y="5531694"/>
                    </a:lnTo>
                    <a:lnTo>
                      <a:pt x="4198232" y="5531692"/>
                    </a:lnTo>
                    <a:lnTo>
                      <a:pt x="4206630" y="5520422"/>
                    </a:lnTo>
                    <a:lnTo>
                      <a:pt x="4208850" y="5507668"/>
                    </a:lnTo>
                    <a:lnTo>
                      <a:pt x="4208850" y="5507667"/>
                    </a:lnTo>
                    <a:cubicBezTo>
                      <a:pt x="4208803" y="5498832"/>
                      <a:pt x="4206231" y="5489497"/>
                      <a:pt x="4204327" y="5480637"/>
                    </a:cubicBezTo>
                    <a:cubicBezTo>
                      <a:pt x="4200516" y="5462351"/>
                      <a:pt x="4196514" y="5443870"/>
                      <a:pt x="4192704" y="5425582"/>
                    </a:cubicBezTo>
                    <a:cubicBezTo>
                      <a:pt x="4190038" y="5412057"/>
                      <a:pt x="4187752" y="5398721"/>
                      <a:pt x="4184513" y="5385384"/>
                    </a:cubicBezTo>
                    <a:lnTo>
                      <a:pt x="4179637" y="5355014"/>
                    </a:lnTo>
                    <a:lnTo>
                      <a:pt x="4183557" y="5321350"/>
                    </a:lnTo>
                    <a:lnTo>
                      <a:pt x="4208517" y="5272797"/>
                    </a:lnTo>
                    <a:lnTo>
                      <a:pt x="4225669" y="5241089"/>
                    </a:lnTo>
                    <a:lnTo>
                      <a:pt x="4231973" y="5229433"/>
                    </a:lnTo>
                    <a:lnTo>
                      <a:pt x="4232139" y="5179068"/>
                    </a:lnTo>
                    <a:lnTo>
                      <a:pt x="4232139" y="5179067"/>
                    </a:lnTo>
                    <a:cubicBezTo>
                      <a:pt x="4231663" y="5176876"/>
                      <a:pt x="4230473" y="5174400"/>
                      <a:pt x="4229593" y="5172090"/>
                    </a:cubicBezTo>
                    <a:lnTo>
                      <a:pt x="4228901" y="5166114"/>
                    </a:lnTo>
                    <a:lnTo>
                      <a:pt x="4235616" y="5133225"/>
                    </a:lnTo>
                    <a:lnTo>
                      <a:pt x="4235616" y="5133224"/>
                    </a:lnTo>
                    <a:lnTo>
                      <a:pt x="4235615" y="5133220"/>
                    </a:lnTo>
                    <a:lnTo>
                      <a:pt x="4228473" y="5102461"/>
                    </a:lnTo>
                    <a:lnTo>
                      <a:pt x="4222587" y="5087441"/>
                    </a:lnTo>
                    <a:lnTo>
                      <a:pt x="4222582" y="5087423"/>
                    </a:lnTo>
                    <a:cubicBezTo>
                      <a:pt x="4216496" y="5072411"/>
                      <a:pt x="4210397" y="5057381"/>
                      <a:pt x="4209468" y="5041521"/>
                    </a:cubicBezTo>
                    <a:cubicBezTo>
                      <a:pt x="4208326" y="5022852"/>
                      <a:pt x="4194228" y="5003801"/>
                      <a:pt x="4182989" y="4987037"/>
                    </a:cubicBezTo>
                    <a:lnTo>
                      <a:pt x="4165707" y="4957454"/>
                    </a:lnTo>
                    <a:lnTo>
                      <a:pt x="4158155" y="4933805"/>
                    </a:lnTo>
                    <a:lnTo>
                      <a:pt x="4159557" y="4912169"/>
                    </a:lnTo>
                    <a:cubicBezTo>
                      <a:pt x="4161319" y="4904358"/>
                      <a:pt x="4161831" y="4896714"/>
                      <a:pt x="4161262" y="4889276"/>
                    </a:cubicBezTo>
                    <a:lnTo>
                      <a:pt x="4161262" y="4889275"/>
                    </a:lnTo>
                    <a:lnTo>
                      <a:pt x="4156484" y="4867614"/>
                    </a:lnTo>
                    <a:lnTo>
                      <a:pt x="4153733" y="4863343"/>
                    </a:lnTo>
                    <a:lnTo>
                      <a:pt x="4151983" y="4857317"/>
                    </a:lnTo>
                    <a:cubicBezTo>
                      <a:pt x="4146840" y="4847214"/>
                      <a:pt x="4139839" y="4837703"/>
                      <a:pt x="4131552" y="4828916"/>
                    </a:cubicBezTo>
                    <a:lnTo>
                      <a:pt x="4116716" y="4800483"/>
                    </a:lnTo>
                    <a:lnTo>
                      <a:pt x="4118025" y="4767765"/>
                    </a:lnTo>
                    <a:cubicBezTo>
                      <a:pt x="4123931" y="4738236"/>
                      <a:pt x="4124313" y="4707565"/>
                      <a:pt x="4127932" y="4677656"/>
                    </a:cubicBezTo>
                    <a:cubicBezTo>
                      <a:pt x="4128694" y="4671177"/>
                      <a:pt x="4131362" y="4662987"/>
                      <a:pt x="4135934" y="4659175"/>
                    </a:cubicBezTo>
                    <a:cubicBezTo>
                      <a:pt x="4192704" y="4612501"/>
                      <a:pt x="4193276" y="4546777"/>
                      <a:pt x="4195944" y="4482005"/>
                    </a:cubicBezTo>
                    <a:cubicBezTo>
                      <a:pt x="4197659" y="4442762"/>
                      <a:pt x="4197659" y="4403326"/>
                      <a:pt x="4196706" y="4363891"/>
                    </a:cubicBezTo>
                    <a:lnTo>
                      <a:pt x="4196706" y="4363890"/>
                    </a:lnTo>
                    <a:cubicBezTo>
                      <a:pt x="4196514" y="4350554"/>
                      <a:pt x="4193466" y="4336457"/>
                      <a:pt x="4187752" y="4324645"/>
                    </a:cubicBezTo>
                    <a:cubicBezTo>
                      <a:pt x="4175749" y="4300070"/>
                      <a:pt x="4160129" y="4277401"/>
                      <a:pt x="4147936" y="4253014"/>
                    </a:cubicBezTo>
                    <a:close/>
                    <a:moveTo>
                      <a:pt x="4211111" y="2836172"/>
                    </a:moveTo>
                    <a:lnTo>
                      <a:pt x="4202421" y="2848793"/>
                    </a:lnTo>
                    <a:cubicBezTo>
                      <a:pt x="4197421" y="2865010"/>
                      <a:pt x="4191562" y="2881307"/>
                      <a:pt x="4186816" y="2897785"/>
                    </a:cubicBezTo>
                    <a:lnTo>
                      <a:pt x="4185787" y="2903551"/>
                    </a:lnTo>
                    <a:lnTo>
                      <a:pt x="4182513" y="2914328"/>
                    </a:lnTo>
                    <a:lnTo>
                      <a:pt x="4177882" y="2947858"/>
                    </a:lnTo>
                    <a:lnTo>
                      <a:pt x="4177881" y="2947862"/>
                    </a:lnTo>
                    <a:lnTo>
                      <a:pt x="4177881" y="2947863"/>
                    </a:lnTo>
                    <a:cubicBezTo>
                      <a:pt x="4177512" y="2959157"/>
                      <a:pt x="4178512" y="2970576"/>
                      <a:pt x="4181465" y="2982149"/>
                    </a:cubicBezTo>
                    <a:lnTo>
                      <a:pt x="4193158" y="3077402"/>
                    </a:lnTo>
                    <a:lnTo>
                      <a:pt x="4180703" y="3172654"/>
                    </a:lnTo>
                    <a:cubicBezTo>
                      <a:pt x="4154794" y="3276480"/>
                      <a:pt x="4127362" y="3380305"/>
                      <a:pt x="4133076" y="3489467"/>
                    </a:cubicBezTo>
                    <a:cubicBezTo>
                      <a:pt x="4134028" y="3507563"/>
                      <a:pt x="4122407" y="3529090"/>
                      <a:pt x="4110977" y="3544713"/>
                    </a:cubicBezTo>
                    <a:cubicBezTo>
                      <a:pt x="4100119" y="3559668"/>
                      <a:pt x="4094260" y="3566812"/>
                      <a:pt x="4093355" y="3574408"/>
                    </a:cubicBezTo>
                    <a:lnTo>
                      <a:pt x="4093355" y="3574409"/>
                    </a:lnTo>
                    <a:cubicBezTo>
                      <a:pt x="4092450" y="3582005"/>
                      <a:pt x="4096499" y="3590054"/>
                      <a:pt x="4105453" y="3606818"/>
                    </a:cubicBezTo>
                    <a:cubicBezTo>
                      <a:pt x="4109835" y="3614820"/>
                      <a:pt x="4112501" y="3624726"/>
                      <a:pt x="4118979" y="3630633"/>
                    </a:cubicBezTo>
                    <a:lnTo>
                      <a:pt x="4136708" y="3654416"/>
                    </a:lnTo>
                    <a:lnTo>
                      <a:pt x="4140382" y="3668940"/>
                    </a:lnTo>
                    <a:lnTo>
                      <a:pt x="4143220" y="3680164"/>
                    </a:lnTo>
                    <a:lnTo>
                      <a:pt x="4139172" y="3734837"/>
                    </a:lnTo>
                    <a:lnTo>
                      <a:pt x="4139172" y="3734838"/>
                    </a:lnTo>
                    <a:cubicBezTo>
                      <a:pt x="4138220" y="3741316"/>
                      <a:pt x="4136886" y="3749126"/>
                      <a:pt x="4139554" y="3754653"/>
                    </a:cubicBezTo>
                    <a:lnTo>
                      <a:pt x="4145911" y="3789776"/>
                    </a:lnTo>
                    <a:lnTo>
                      <a:pt x="4130980" y="3822472"/>
                    </a:lnTo>
                    <a:cubicBezTo>
                      <a:pt x="4123932" y="3831902"/>
                      <a:pt x="4118312" y="3842046"/>
                      <a:pt x="4116645" y="3852619"/>
                    </a:cubicBezTo>
                    <a:lnTo>
                      <a:pt x="4116645" y="3852620"/>
                    </a:lnTo>
                    <a:lnTo>
                      <a:pt x="4117425" y="3868764"/>
                    </a:lnTo>
                    <a:lnTo>
                      <a:pt x="4126028" y="3885337"/>
                    </a:lnTo>
                    <a:lnTo>
                      <a:pt x="4126028" y="3885339"/>
                    </a:lnTo>
                    <a:cubicBezTo>
                      <a:pt x="4135744" y="3897722"/>
                      <a:pt x="4143150" y="3910319"/>
                      <a:pt x="4148409" y="3923125"/>
                    </a:cubicBezTo>
                    <a:lnTo>
                      <a:pt x="4157913" y="3962160"/>
                    </a:lnTo>
                    <a:lnTo>
                      <a:pt x="4142221" y="4043838"/>
                    </a:lnTo>
                    <a:lnTo>
                      <a:pt x="4142220" y="4043839"/>
                    </a:lnTo>
                    <a:cubicBezTo>
                      <a:pt x="4133457" y="4063842"/>
                      <a:pt x="4128075" y="4083702"/>
                      <a:pt x="4127099" y="4103825"/>
                    </a:cubicBezTo>
                    <a:lnTo>
                      <a:pt x="4127099" y="4103826"/>
                    </a:lnTo>
                    <a:lnTo>
                      <a:pt x="4129066" y="4134256"/>
                    </a:lnTo>
                    <a:lnTo>
                      <a:pt x="4138410" y="4165382"/>
                    </a:lnTo>
                    <a:lnTo>
                      <a:pt x="4138410" y="4165384"/>
                    </a:lnTo>
                    <a:lnTo>
                      <a:pt x="4142315" y="4192388"/>
                    </a:lnTo>
                    <a:lnTo>
                      <a:pt x="4142315" y="4192387"/>
                    </a:lnTo>
                    <a:cubicBezTo>
                      <a:pt x="4142411" y="4182767"/>
                      <a:pt x="4141839" y="4173480"/>
                      <a:pt x="4138410" y="4165383"/>
                    </a:cubicBezTo>
                    <a:lnTo>
                      <a:pt x="4138410" y="4165382"/>
                    </a:lnTo>
                    <a:lnTo>
                      <a:pt x="4127099" y="4103826"/>
                    </a:lnTo>
                    <a:lnTo>
                      <a:pt x="4142220" y="4043840"/>
                    </a:lnTo>
                    <a:lnTo>
                      <a:pt x="4142221" y="4043838"/>
                    </a:lnTo>
                    <a:lnTo>
                      <a:pt x="4155523" y="4002410"/>
                    </a:lnTo>
                    <a:lnTo>
                      <a:pt x="4157913" y="3962160"/>
                    </a:lnTo>
                    <a:lnTo>
                      <a:pt x="4157913" y="3962159"/>
                    </a:lnTo>
                    <a:cubicBezTo>
                      <a:pt x="4155651" y="3935727"/>
                      <a:pt x="4145460" y="3910104"/>
                      <a:pt x="4126028" y="3885338"/>
                    </a:cubicBezTo>
                    <a:lnTo>
                      <a:pt x="4126028" y="3885337"/>
                    </a:lnTo>
                    <a:lnTo>
                      <a:pt x="4116645" y="3852620"/>
                    </a:lnTo>
                    <a:lnTo>
                      <a:pt x="4130980" y="3822473"/>
                    </a:lnTo>
                    <a:cubicBezTo>
                      <a:pt x="4139172" y="3811614"/>
                      <a:pt x="4144316" y="3800897"/>
                      <a:pt x="4145911" y="3789777"/>
                    </a:cubicBezTo>
                    <a:lnTo>
                      <a:pt x="4145911" y="3789776"/>
                    </a:lnTo>
                    <a:cubicBezTo>
                      <a:pt x="4147507" y="3778655"/>
                      <a:pt x="4145554" y="3767130"/>
                      <a:pt x="4139554" y="3754652"/>
                    </a:cubicBezTo>
                    <a:lnTo>
                      <a:pt x="4139172" y="3734838"/>
                    </a:lnTo>
                    <a:lnTo>
                      <a:pt x="4143220" y="3680164"/>
                    </a:lnTo>
                    <a:lnTo>
                      <a:pt x="4143220" y="3680163"/>
                    </a:lnTo>
                    <a:lnTo>
                      <a:pt x="4140382" y="3668940"/>
                    </a:lnTo>
                    <a:lnTo>
                      <a:pt x="4136708" y="3654416"/>
                    </a:lnTo>
                    <a:lnTo>
                      <a:pt x="4136708" y="3654416"/>
                    </a:lnTo>
                    <a:lnTo>
                      <a:pt x="4136708" y="3654415"/>
                    </a:lnTo>
                    <a:cubicBezTo>
                      <a:pt x="4132898" y="3646123"/>
                      <a:pt x="4127219" y="3638157"/>
                      <a:pt x="4118979" y="3630632"/>
                    </a:cubicBezTo>
                    <a:cubicBezTo>
                      <a:pt x="4112501" y="3624725"/>
                      <a:pt x="4109835" y="3614819"/>
                      <a:pt x="4105453" y="3606817"/>
                    </a:cubicBezTo>
                    <a:cubicBezTo>
                      <a:pt x="4100976" y="3598435"/>
                      <a:pt x="4097725" y="3592232"/>
                      <a:pt x="4095707" y="3587174"/>
                    </a:cubicBezTo>
                    <a:lnTo>
                      <a:pt x="4093355" y="3574408"/>
                    </a:lnTo>
                    <a:lnTo>
                      <a:pt x="4098434" y="3562321"/>
                    </a:lnTo>
                    <a:cubicBezTo>
                      <a:pt x="4101369" y="3557716"/>
                      <a:pt x="4105548" y="3552191"/>
                      <a:pt x="4110977" y="3544714"/>
                    </a:cubicBezTo>
                    <a:cubicBezTo>
                      <a:pt x="4122407" y="3529091"/>
                      <a:pt x="4134028" y="3507564"/>
                      <a:pt x="4133076" y="3489468"/>
                    </a:cubicBezTo>
                    <a:cubicBezTo>
                      <a:pt x="4127362" y="3380306"/>
                      <a:pt x="4154794" y="3276481"/>
                      <a:pt x="4180703" y="3172655"/>
                    </a:cubicBezTo>
                    <a:cubicBezTo>
                      <a:pt x="4188705" y="3140650"/>
                      <a:pt x="4192943" y="3109026"/>
                      <a:pt x="4193158" y="3077402"/>
                    </a:cubicBezTo>
                    <a:lnTo>
                      <a:pt x="4193158" y="3077401"/>
                    </a:lnTo>
                    <a:cubicBezTo>
                      <a:pt x="4193372" y="3045777"/>
                      <a:pt x="4189562" y="3014153"/>
                      <a:pt x="4181465" y="2982148"/>
                    </a:cubicBezTo>
                    <a:lnTo>
                      <a:pt x="4177881" y="2947863"/>
                    </a:lnTo>
                    <a:lnTo>
                      <a:pt x="4177882" y="2947858"/>
                    </a:lnTo>
                    <a:lnTo>
                      <a:pt x="4185787" y="2903551"/>
                    </a:lnTo>
                    <a:lnTo>
                      <a:pt x="4202421" y="2848794"/>
                    </a:lnTo>
                    <a:cubicBezTo>
                      <a:pt x="4203754" y="2844317"/>
                      <a:pt x="4207040" y="2839983"/>
                      <a:pt x="4211111" y="2836173"/>
                    </a:cubicBezTo>
                    <a:close/>
                    <a:moveTo>
                      <a:pt x="3726625" y="1508458"/>
                    </a:moveTo>
                    <a:lnTo>
                      <a:pt x="3698531" y="1596214"/>
                    </a:lnTo>
                    <a:cubicBezTo>
                      <a:pt x="3696054" y="1604979"/>
                      <a:pt x="3697579" y="1615837"/>
                      <a:pt x="3700436" y="1624981"/>
                    </a:cubicBezTo>
                    <a:cubicBezTo>
                      <a:pt x="3710152" y="1656224"/>
                      <a:pt x="3734537" y="1676037"/>
                      <a:pt x="3757017" y="1697754"/>
                    </a:cubicBezTo>
                    <a:cubicBezTo>
                      <a:pt x="3766924" y="1707280"/>
                      <a:pt x="3773972" y="1720424"/>
                      <a:pt x="3779686" y="1733189"/>
                    </a:cubicBezTo>
                    <a:cubicBezTo>
                      <a:pt x="3794357" y="1766336"/>
                      <a:pt x="3807501" y="1800247"/>
                      <a:pt x="3821407" y="1833776"/>
                    </a:cubicBezTo>
                    <a:cubicBezTo>
                      <a:pt x="3822741" y="1837014"/>
                      <a:pt x="3826170" y="1839680"/>
                      <a:pt x="3829028" y="1842159"/>
                    </a:cubicBezTo>
                    <a:cubicBezTo>
                      <a:pt x="3859129" y="1866923"/>
                      <a:pt x="3889418" y="1891498"/>
                      <a:pt x="3919519" y="1916455"/>
                    </a:cubicBezTo>
                    <a:cubicBezTo>
                      <a:pt x="3925233" y="1921217"/>
                      <a:pt x="3929425" y="1928077"/>
                      <a:pt x="3934949" y="1933220"/>
                    </a:cubicBezTo>
                    <a:cubicBezTo>
                      <a:pt x="3942569" y="1940460"/>
                      <a:pt x="3949810" y="1949604"/>
                      <a:pt x="3958954" y="1953414"/>
                    </a:cubicBezTo>
                    <a:cubicBezTo>
                      <a:pt x="3987719" y="1965225"/>
                      <a:pt x="4000103" y="1987895"/>
                      <a:pt x="4005437" y="2016470"/>
                    </a:cubicBezTo>
                    <a:cubicBezTo>
                      <a:pt x="4010390" y="2042571"/>
                      <a:pt x="4014582" y="2068670"/>
                      <a:pt x="4020296" y="2094579"/>
                    </a:cubicBezTo>
                    <a:cubicBezTo>
                      <a:pt x="4027154" y="2126202"/>
                      <a:pt x="4034584" y="2157637"/>
                      <a:pt x="4042967" y="2188880"/>
                    </a:cubicBezTo>
                    <a:cubicBezTo>
                      <a:pt x="4046587" y="2202405"/>
                      <a:pt x="4050777" y="2216693"/>
                      <a:pt x="4058207" y="2228315"/>
                    </a:cubicBezTo>
                    <a:cubicBezTo>
                      <a:pt x="4078782" y="2260891"/>
                      <a:pt x="4092688" y="2295754"/>
                      <a:pt x="4087164" y="2334045"/>
                    </a:cubicBezTo>
                    <a:cubicBezTo>
                      <a:pt x="4082782" y="2364716"/>
                      <a:pt x="4094022" y="2390435"/>
                      <a:pt x="4111549" y="2409486"/>
                    </a:cubicBezTo>
                    <a:cubicBezTo>
                      <a:pt x="4119503" y="2418155"/>
                      <a:pt x="4125016" y="2426977"/>
                      <a:pt x="4128650" y="2435913"/>
                    </a:cubicBezTo>
                    <a:lnTo>
                      <a:pt x="4134481" y="2463018"/>
                    </a:lnTo>
                    <a:lnTo>
                      <a:pt x="4125839" y="2518262"/>
                    </a:lnTo>
                    <a:lnTo>
                      <a:pt x="4125838" y="2518264"/>
                    </a:lnTo>
                    <a:cubicBezTo>
                      <a:pt x="4123171" y="2527790"/>
                      <a:pt x="4122027" y="2536457"/>
                      <a:pt x="4122194" y="2545006"/>
                    </a:cubicBezTo>
                    <a:lnTo>
                      <a:pt x="4122194" y="2545007"/>
                    </a:lnTo>
                    <a:cubicBezTo>
                      <a:pt x="4122360" y="2553556"/>
                      <a:pt x="4123837" y="2561986"/>
                      <a:pt x="4126408" y="2571035"/>
                    </a:cubicBezTo>
                    <a:cubicBezTo>
                      <a:pt x="4138410" y="2612946"/>
                      <a:pt x="4170987" y="2640951"/>
                      <a:pt x="4199563" y="2668002"/>
                    </a:cubicBezTo>
                    <a:cubicBezTo>
                      <a:pt x="4223947" y="2691055"/>
                      <a:pt x="4237663" y="2716964"/>
                      <a:pt x="4247953" y="2745349"/>
                    </a:cubicBezTo>
                    <a:lnTo>
                      <a:pt x="4247954" y="2745352"/>
                    </a:lnTo>
                    <a:lnTo>
                      <a:pt x="4253873" y="2778006"/>
                    </a:lnTo>
                    <a:lnTo>
                      <a:pt x="4253453" y="2785440"/>
                    </a:lnTo>
                    <a:lnTo>
                      <a:pt x="4243374" y="2811780"/>
                    </a:lnTo>
                    <a:lnTo>
                      <a:pt x="4243371" y="2811787"/>
                    </a:lnTo>
                    <a:lnTo>
                      <a:pt x="4243372" y="2811787"/>
                    </a:lnTo>
                    <a:lnTo>
                      <a:pt x="4243374" y="2811780"/>
                    </a:lnTo>
                    <a:lnTo>
                      <a:pt x="4253025" y="2793023"/>
                    </a:lnTo>
                    <a:lnTo>
                      <a:pt x="4253453" y="2785440"/>
                    </a:lnTo>
                    <a:lnTo>
                      <a:pt x="4254654" y="2782305"/>
                    </a:lnTo>
                    <a:lnTo>
                      <a:pt x="4253873" y="2778006"/>
                    </a:lnTo>
                    <a:lnTo>
                      <a:pt x="4254284" y="2770758"/>
                    </a:lnTo>
                    <a:lnTo>
                      <a:pt x="4247954" y="2745352"/>
                    </a:lnTo>
                    <a:lnTo>
                      <a:pt x="4247953" y="2745348"/>
                    </a:lnTo>
                    <a:cubicBezTo>
                      <a:pt x="4237663" y="2716963"/>
                      <a:pt x="4223947" y="2691054"/>
                      <a:pt x="4199563" y="2668001"/>
                    </a:cubicBezTo>
                    <a:cubicBezTo>
                      <a:pt x="4170987" y="2640950"/>
                      <a:pt x="4138410" y="2612945"/>
                      <a:pt x="4126408" y="2571034"/>
                    </a:cubicBezTo>
                    <a:lnTo>
                      <a:pt x="4122194" y="2545007"/>
                    </a:lnTo>
                    <a:lnTo>
                      <a:pt x="4125838" y="2518265"/>
                    </a:lnTo>
                    <a:lnTo>
                      <a:pt x="4125839" y="2518262"/>
                    </a:lnTo>
                    <a:lnTo>
                      <a:pt x="4132419" y="2490551"/>
                    </a:lnTo>
                    <a:lnTo>
                      <a:pt x="4134481" y="2463018"/>
                    </a:lnTo>
                    <a:lnTo>
                      <a:pt x="4134481" y="2463017"/>
                    </a:lnTo>
                    <a:cubicBezTo>
                      <a:pt x="4133600" y="2444777"/>
                      <a:pt x="4127457" y="2426822"/>
                      <a:pt x="4111549" y="2409485"/>
                    </a:cubicBezTo>
                    <a:cubicBezTo>
                      <a:pt x="4094022" y="2390434"/>
                      <a:pt x="4082782" y="2364715"/>
                      <a:pt x="4087164" y="2334044"/>
                    </a:cubicBezTo>
                    <a:cubicBezTo>
                      <a:pt x="4092688" y="2295753"/>
                      <a:pt x="4078782" y="2260890"/>
                      <a:pt x="4058207" y="2228314"/>
                    </a:cubicBezTo>
                    <a:cubicBezTo>
                      <a:pt x="4050777" y="2216692"/>
                      <a:pt x="4046587" y="2202404"/>
                      <a:pt x="4042967" y="2188879"/>
                    </a:cubicBezTo>
                    <a:cubicBezTo>
                      <a:pt x="4034584" y="2157636"/>
                      <a:pt x="4027154" y="2126201"/>
                      <a:pt x="4020296" y="2094578"/>
                    </a:cubicBezTo>
                    <a:cubicBezTo>
                      <a:pt x="4014582" y="2068669"/>
                      <a:pt x="4010390" y="2042570"/>
                      <a:pt x="4005437" y="2016469"/>
                    </a:cubicBezTo>
                    <a:cubicBezTo>
                      <a:pt x="4000103" y="1987894"/>
                      <a:pt x="3987719" y="1965224"/>
                      <a:pt x="3958954" y="1953413"/>
                    </a:cubicBezTo>
                    <a:cubicBezTo>
                      <a:pt x="3949810" y="1949603"/>
                      <a:pt x="3942569" y="1940459"/>
                      <a:pt x="3934949" y="1933219"/>
                    </a:cubicBezTo>
                    <a:cubicBezTo>
                      <a:pt x="3929425" y="1928076"/>
                      <a:pt x="3925233" y="1921216"/>
                      <a:pt x="3919519" y="1916454"/>
                    </a:cubicBezTo>
                    <a:cubicBezTo>
                      <a:pt x="3889418" y="1891497"/>
                      <a:pt x="3859129" y="1866922"/>
                      <a:pt x="3829028" y="1842158"/>
                    </a:cubicBezTo>
                    <a:cubicBezTo>
                      <a:pt x="3826170" y="1839679"/>
                      <a:pt x="3822741" y="1837013"/>
                      <a:pt x="3821407" y="1833775"/>
                    </a:cubicBezTo>
                    <a:cubicBezTo>
                      <a:pt x="3807501" y="1800246"/>
                      <a:pt x="3794358" y="1766335"/>
                      <a:pt x="3779686" y="1733188"/>
                    </a:cubicBezTo>
                    <a:cubicBezTo>
                      <a:pt x="3773972" y="1720423"/>
                      <a:pt x="3766924" y="1707279"/>
                      <a:pt x="3757018" y="1697753"/>
                    </a:cubicBezTo>
                    <a:cubicBezTo>
                      <a:pt x="3734538" y="1676036"/>
                      <a:pt x="3710152" y="1656223"/>
                      <a:pt x="3700436" y="1624980"/>
                    </a:cubicBezTo>
                    <a:cubicBezTo>
                      <a:pt x="3697580" y="1615836"/>
                      <a:pt x="3696055" y="1604978"/>
                      <a:pt x="3698532" y="1596213"/>
                    </a:cubicBezTo>
                    <a:close/>
                    <a:moveTo>
                      <a:pt x="3745230" y="1459073"/>
                    </a:moveTo>
                    <a:lnTo>
                      <a:pt x="3745229" y="1459074"/>
                    </a:lnTo>
                    <a:lnTo>
                      <a:pt x="3736012" y="1481572"/>
                    </a:lnTo>
                    <a:close/>
                    <a:moveTo>
                      <a:pt x="3764423" y="1268758"/>
                    </a:moveTo>
                    <a:cubicBezTo>
                      <a:pt x="3764875" y="1275402"/>
                      <a:pt x="3766447" y="1281689"/>
                      <a:pt x="3769590" y="1286070"/>
                    </a:cubicBezTo>
                    <a:cubicBezTo>
                      <a:pt x="3784163" y="1306930"/>
                      <a:pt x="3790403" y="1328553"/>
                      <a:pt x="3791927" y="1350628"/>
                    </a:cubicBezTo>
                    <a:lnTo>
                      <a:pt x="3786333" y="1413840"/>
                    </a:lnTo>
                    <a:lnTo>
                      <a:pt x="3791928" y="1350627"/>
                    </a:lnTo>
                    <a:cubicBezTo>
                      <a:pt x="3790403" y="1328552"/>
                      <a:pt x="3784164" y="1306930"/>
                      <a:pt x="3769590" y="1286069"/>
                    </a:cubicBezTo>
                    <a:close/>
                    <a:moveTo>
                      <a:pt x="3706152" y="773035"/>
                    </a:moveTo>
                    <a:lnTo>
                      <a:pt x="3706152" y="773036"/>
                    </a:lnTo>
                    <a:cubicBezTo>
                      <a:pt x="3708438" y="800277"/>
                      <a:pt x="3711676" y="827330"/>
                      <a:pt x="3714152" y="854380"/>
                    </a:cubicBezTo>
                    <a:cubicBezTo>
                      <a:pt x="3716438" y="878957"/>
                      <a:pt x="3717200" y="903723"/>
                      <a:pt x="3745205" y="915344"/>
                    </a:cubicBezTo>
                    <a:cubicBezTo>
                      <a:pt x="3749587" y="917060"/>
                      <a:pt x="3752825" y="922774"/>
                      <a:pt x="3755683" y="927156"/>
                    </a:cubicBezTo>
                    <a:cubicBezTo>
                      <a:pt x="3799691" y="994786"/>
                      <a:pt x="3798547" y="1030981"/>
                      <a:pt x="3752063" y="1097088"/>
                    </a:cubicBezTo>
                    <a:cubicBezTo>
                      <a:pt x="3747301" y="1103946"/>
                      <a:pt x="3743871" y="1118614"/>
                      <a:pt x="3747681" y="1123186"/>
                    </a:cubicBezTo>
                    <a:cubicBezTo>
                      <a:pt x="3763493" y="1142618"/>
                      <a:pt x="3770542" y="1162954"/>
                      <a:pt x="3772400" y="1184029"/>
                    </a:cubicBezTo>
                    <a:cubicBezTo>
                      <a:pt x="3770542" y="1162954"/>
                      <a:pt x="3763494" y="1142617"/>
                      <a:pt x="3747682" y="1123185"/>
                    </a:cubicBezTo>
                    <a:cubicBezTo>
                      <a:pt x="3743872" y="1118613"/>
                      <a:pt x="3747302" y="1103945"/>
                      <a:pt x="3752064" y="1097087"/>
                    </a:cubicBezTo>
                    <a:cubicBezTo>
                      <a:pt x="3798548" y="1030980"/>
                      <a:pt x="3799692" y="994785"/>
                      <a:pt x="3755684" y="927155"/>
                    </a:cubicBezTo>
                    <a:cubicBezTo>
                      <a:pt x="3752826" y="922773"/>
                      <a:pt x="3749588" y="917059"/>
                      <a:pt x="3745206" y="915343"/>
                    </a:cubicBezTo>
                    <a:cubicBezTo>
                      <a:pt x="3717200" y="903722"/>
                      <a:pt x="3716438" y="878956"/>
                      <a:pt x="3714152" y="854379"/>
                    </a:cubicBezTo>
                    <a:close/>
                    <a:moveTo>
                      <a:pt x="3761553" y="517851"/>
                    </a:moveTo>
                    <a:lnTo>
                      <a:pt x="3752635" y="556048"/>
                    </a:lnTo>
                    <a:cubicBezTo>
                      <a:pt x="3750539" y="564049"/>
                      <a:pt x="3745015" y="572623"/>
                      <a:pt x="3746157" y="580051"/>
                    </a:cubicBezTo>
                    <a:cubicBezTo>
                      <a:pt x="3749491" y="601579"/>
                      <a:pt x="3747062" y="622201"/>
                      <a:pt x="3742776" y="642538"/>
                    </a:cubicBezTo>
                    <a:lnTo>
                      <a:pt x="3730253" y="694928"/>
                    </a:lnTo>
                    <a:lnTo>
                      <a:pt x="3742777" y="642537"/>
                    </a:lnTo>
                    <a:cubicBezTo>
                      <a:pt x="3747063" y="622201"/>
                      <a:pt x="3749492" y="601578"/>
                      <a:pt x="3746158" y="580050"/>
                    </a:cubicBezTo>
                    <a:cubicBezTo>
                      <a:pt x="3745016" y="572622"/>
                      <a:pt x="3750540" y="564048"/>
                      <a:pt x="3752636" y="556047"/>
                    </a:cubicBezTo>
                    <a:close/>
                    <a:moveTo>
                      <a:pt x="3774848" y="298169"/>
                    </a:moveTo>
                    <a:lnTo>
                      <a:pt x="3760065" y="313534"/>
                    </a:lnTo>
                    <a:cubicBezTo>
                      <a:pt x="3755873" y="316390"/>
                      <a:pt x="3758159" y="330299"/>
                      <a:pt x="3759493" y="338871"/>
                    </a:cubicBezTo>
                    <a:lnTo>
                      <a:pt x="3759500" y="338900"/>
                    </a:lnTo>
                    <a:lnTo>
                      <a:pt x="3769400" y="395640"/>
                    </a:lnTo>
                    <a:lnTo>
                      <a:pt x="3765590" y="367328"/>
                    </a:lnTo>
                    <a:lnTo>
                      <a:pt x="3759500" y="338900"/>
                    </a:lnTo>
                    <a:lnTo>
                      <a:pt x="3759494" y="338870"/>
                    </a:lnTo>
                    <a:cubicBezTo>
                      <a:pt x="3758160" y="330298"/>
                      <a:pt x="3755874" y="316389"/>
                      <a:pt x="3760066" y="313533"/>
                    </a:cubicBezTo>
                    <a:close/>
                    <a:moveTo>
                      <a:pt x="3782393" y="281568"/>
                    </a:moveTo>
                    <a:lnTo>
                      <a:pt x="3777498" y="295415"/>
                    </a:lnTo>
                    <a:lnTo>
                      <a:pt x="3777499" y="295415"/>
                    </a:lnTo>
                    <a:close/>
                    <a:moveTo>
                      <a:pt x="3769073" y="24486"/>
                    </a:moveTo>
                    <a:lnTo>
                      <a:pt x="3766810" y="74129"/>
                    </a:lnTo>
                    <a:cubicBezTo>
                      <a:pt x="3767733" y="91492"/>
                      <a:pt x="3770043" y="108703"/>
                      <a:pt x="3772734" y="125861"/>
                    </a:cubicBezTo>
                    <a:lnTo>
                      <a:pt x="3777129" y="153387"/>
                    </a:lnTo>
                    <a:lnTo>
                      <a:pt x="3785402" y="228944"/>
                    </a:lnTo>
                    <a:lnTo>
                      <a:pt x="3780943" y="177271"/>
                    </a:lnTo>
                    <a:lnTo>
                      <a:pt x="3777129" y="153387"/>
                    </a:lnTo>
                    <a:lnTo>
                      <a:pt x="3776930" y="151569"/>
                    </a:lnTo>
                    <a:cubicBezTo>
                      <a:pt x="3772700" y="125876"/>
                      <a:pt x="3768195" y="100174"/>
                      <a:pt x="3766811" y="74129"/>
                    </a:cubicBezTo>
                    <a:close/>
                    <a:moveTo>
                      <a:pt x="3766492" y="0"/>
                    </a:moveTo>
                    <a:lnTo>
                      <a:pt x="4230600" y="0"/>
                    </a:lnTo>
                    <a:lnTo>
                      <a:pt x="4229473" y="2817"/>
                    </a:lnTo>
                    <a:cubicBezTo>
                      <a:pt x="4221092" y="21486"/>
                      <a:pt x="4218423" y="43012"/>
                      <a:pt x="4215375" y="63587"/>
                    </a:cubicBezTo>
                    <a:cubicBezTo>
                      <a:pt x="4209851" y="101308"/>
                      <a:pt x="4206421" y="139219"/>
                      <a:pt x="4201468" y="176939"/>
                    </a:cubicBezTo>
                    <a:cubicBezTo>
                      <a:pt x="4200325" y="184941"/>
                      <a:pt x="4198231" y="194085"/>
                      <a:pt x="4193466" y="200182"/>
                    </a:cubicBezTo>
                    <a:cubicBezTo>
                      <a:pt x="4161461" y="241901"/>
                      <a:pt x="4152508" y="292579"/>
                      <a:pt x="4155554" y="340774"/>
                    </a:cubicBezTo>
                    <a:cubicBezTo>
                      <a:pt x="4157843" y="378686"/>
                      <a:pt x="4159557" y="415835"/>
                      <a:pt x="4156319" y="453364"/>
                    </a:cubicBezTo>
                    <a:cubicBezTo>
                      <a:pt x="4156127" y="456222"/>
                      <a:pt x="4156509" y="460032"/>
                      <a:pt x="4158033" y="462126"/>
                    </a:cubicBezTo>
                    <a:cubicBezTo>
                      <a:pt x="4168129" y="475081"/>
                      <a:pt x="4168891" y="488607"/>
                      <a:pt x="4170605" y="505182"/>
                    </a:cubicBezTo>
                    <a:cubicBezTo>
                      <a:pt x="4173083" y="528615"/>
                      <a:pt x="4171367" y="550141"/>
                      <a:pt x="4167177" y="571860"/>
                    </a:cubicBezTo>
                    <a:cubicBezTo>
                      <a:pt x="4164129" y="587672"/>
                      <a:pt x="4157843" y="603673"/>
                      <a:pt x="4149840" y="617772"/>
                    </a:cubicBezTo>
                    <a:cubicBezTo>
                      <a:pt x="4138600" y="637392"/>
                      <a:pt x="4134220" y="656255"/>
                      <a:pt x="4149078" y="674923"/>
                    </a:cubicBezTo>
                    <a:cubicBezTo>
                      <a:pt x="4164891" y="695116"/>
                      <a:pt x="4159367" y="717977"/>
                      <a:pt x="4159937" y="740268"/>
                    </a:cubicBezTo>
                    <a:cubicBezTo>
                      <a:pt x="4160129" y="749982"/>
                      <a:pt x="4159747" y="760270"/>
                      <a:pt x="4162223" y="769605"/>
                    </a:cubicBezTo>
                    <a:cubicBezTo>
                      <a:pt x="4169273" y="796655"/>
                      <a:pt x="4179941" y="822756"/>
                      <a:pt x="4184703" y="850189"/>
                    </a:cubicBezTo>
                    <a:cubicBezTo>
                      <a:pt x="4187370" y="865430"/>
                      <a:pt x="4182607" y="882384"/>
                      <a:pt x="4179179" y="898198"/>
                    </a:cubicBezTo>
                    <a:cubicBezTo>
                      <a:pt x="4175559" y="914200"/>
                      <a:pt x="4170035" y="930011"/>
                      <a:pt x="4164319" y="945444"/>
                    </a:cubicBezTo>
                    <a:cubicBezTo>
                      <a:pt x="4160509" y="955920"/>
                      <a:pt x="4156889" y="967350"/>
                      <a:pt x="4150030" y="975733"/>
                    </a:cubicBezTo>
                    <a:cubicBezTo>
                      <a:pt x="4134410" y="994785"/>
                      <a:pt x="4131742" y="1014406"/>
                      <a:pt x="4139934" y="1036887"/>
                    </a:cubicBezTo>
                    <a:cubicBezTo>
                      <a:pt x="4141268" y="1040315"/>
                      <a:pt x="4141268" y="1044315"/>
                      <a:pt x="4141458" y="1048125"/>
                    </a:cubicBezTo>
                    <a:cubicBezTo>
                      <a:pt x="4145458" y="1109091"/>
                      <a:pt x="4147936" y="1170051"/>
                      <a:pt x="4154032" y="1230633"/>
                    </a:cubicBezTo>
                    <a:cubicBezTo>
                      <a:pt x="4156509" y="1255206"/>
                      <a:pt x="4167367" y="1278829"/>
                      <a:pt x="4174225" y="1303024"/>
                    </a:cubicBezTo>
                    <a:cubicBezTo>
                      <a:pt x="4175559" y="1307978"/>
                      <a:pt x="4177655" y="1313504"/>
                      <a:pt x="4176701" y="1318456"/>
                    </a:cubicBezTo>
                    <a:cubicBezTo>
                      <a:pt x="4167177" y="1372368"/>
                      <a:pt x="4181083" y="1422854"/>
                      <a:pt x="4199372" y="1472575"/>
                    </a:cubicBezTo>
                    <a:cubicBezTo>
                      <a:pt x="4201278" y="1477717"/>
                      <a:pt x="4200706" y="1484004"/>
                      <a:pt x="4200325" y="1489720"/>
                    </a:cubicBezTo>
                    <a:cubicBezTo>
                      <a:pt x="4198993" y="1505724"/>
                      <a:pt x="4192324" y="1523059"/>
                      <a:pt x="4196324" y="1537537"/>
                    </a:cubicBezTo>
                    <a:cubicBezTo>
                      <a:pt x="4207374" y="1576019"/>
                      <a:pt x="4220709" y="1614120"/>
                      <a:pt x="4237474" y="1650317"/>
                    </a:cubicBezTo>
                    <a:cubicBezTo>
                      <a:pt x="4254428" y="1687086"/>
                      <a:pt x="4268716" y="1721185"/>
                      <a:pt x="4251572" y="1763287"/>
                    </a:cubicBezTo>
                    <a:cubicBezTo>
                      <a:pt x="4244332" y="1781194"/>
                      <a:pt x="4249476" y="1804816"/>
                      <a:pt x="4251380" y="1825393"/>
                    </a:cubicBezTo>
                    <a:cubicBezTo>
                      <a:pt x="4252904" y="1840441"/>
                      <a:pt x="4261478" y="1854920"/>
                      <a:pt x="4261478" y="1869780"/>
                    </a:cubicBezTo>
                    <a:cubicBezTo>
                      <a:pt x="4261478" y="1909408"/>
                      <a:pt x="4271574" y="1944649"/>
                      <a:pt x="4292149" y="1978940"/>
                    </a:cubicBezTo>
                    <a:cubicBezTo>
                      <a:pt x="4300150" y="1992279"/>
                      <a:pt x="4294815" y="2013043"/>
                      <a:pt x="4296911" y="2030378"/>
                    </a:cubicBezTo>
                    <a:cubicBezTo>
                      <a:pt x="4299388" y="2048668"/>
                      <a:pt x="4301673" y="2067525"/>
                      <a:pt x="4307201" y="2085054"/>
                    </a:cubicBezTo>
                    <a:cubicBezTo>
                      <a:pt x="4321679" y="2130393"/>
                      <a:pt x="4338062" y="2175163"/>
                      <a:pt x="4353302" y="2220312"/>
                    </a:cubicBezTo>
                    <a:cubicBezTo>
                      <a:pt x="4365877" y="2257459"/>
                      <a:pt x="4355970" y="2294039"/>
                      <a:pt x="4350636" y="2330806"/>
                    </a:cubicBezTo>
                    <a:cubicBezTo>
                      <a:pt x="4347205" y="2353859"/>
                      <a:pt x="4339013" y="2375383"/>
                      <a:pt x="4351206" y="2401292"/>
                    </a:cubicBezTo>
                    <a:cubicBezTo>
                      <a:pt x="4362828" y="2426059"/>
                      <a:pt x="4360160" y="2457492"/>
                      <a:pt x="4366446" y="2485307"/>
                    </a:cubicBezTo>
                    <a:cubicBezTo>
                      <a:pt x="4371781" y="2508742"/>
                      <a:pt x="4380354" y="2531409"/>
                      <a:pt x="4388736" y="2554079"/>
                    </a:cubicBezTo>
                    <a:cubicBezTo>
                      <a:pt x="4400168" y="2584942"/>
                      <a:pt x="4412167" y="2615421"/>
                      <a:pt x="4406453" y="2649143"/>
                    </a:cubicBezTo>
                    <a:cubicBezTo>
                      <a:pt x="4399976" y="2687436"/>
                      <a:pt x="4424359" y="2713723"/>
                      <a:pt x="4440554" y="2743826"/>
                    </a:cubicBezTo>
                    <a:cubicBezTo>
                      <a:pt x="4451603" y="2764590"/>
                      <a:pt x="4459795" y="2787259"/>
                      <a:pt x="4466653" y="2809930"/>
                    </a:cubicBezTo>
                    <a:cubicBezTo>
                      <a:pt x="4475607" y="2840219"/>
                      <a:pt x="4480941" y="2871462"/>
                      <a:pt x="4489705" y="2901943"/>
                    </a:cubicBezTo>
                    <a:cubicBezTo>
                      <a:pt x="4502848" y="2948047"/>
                      <a:pt x="4513137" y="2994722"/>
                      <a:pt x="4505897" y="3042728"/>
                    </a:cubicBezTo>
                    <a:cubicBezTo>
                      <a:pt x="4502659" y="3064827"/>
                      <a:pt x="4502848" y="3085403"/>
                      <a:pt x="4507613" y="3107500"/>
                    </a:cubicBezTo>
                    <a:cubicBezTo>
                      <a:pt x="4515422" y="3143695"/>
                      <a:pt x="4516376" y="3180844"/>
                      <a:pt x="4545521" y="3209993"/>
                    </a:cubicBezTo>
                    <a:cubicBezTo>
                      <a:pt x="4555811" y="3220280"/>
                      <a:pt x="4558477" y="3238758"/>
                      <a:pt x="4563811" y="3253809"/>
                    </a:cubicBezTo>
                    <a:cubicBezTo>
                      <a:pt x="4570099" y="3271145"/>
                      <a:pt x="4566858" y="3283908"/>
                      <a:pt x="4548570" y="3293244"/>
                    </a:cubicBezTo>
                    <a:cubicBezTo>
                      <a:pt x="4540379" y="3297434"/>
                      <a:pt x="4532378" y="3309437"/>
                      <a:pt x="4531043" y="3318771"/>
                    </a:cubicBezTo>
                    <a:cubicBezTo>
                      <a:pt x="4527043" y="3346776"/>
                      <a:pt x="4532950" y="3372495"/>
                      <a:pt x="4545904" y="3399546"/>
                    </a:cubicBezTo>
                    <a:cubicBezTo>
                      <a:pt x="4558096" y="3424883"/>
                      <a:pt x="4556762" y="3456508"/>
                      <a:pt x="4561524" y="3485275"/>
                    </a:cubicBezTo>
                    <a:cubicBezTo>
                      <a:pt x="4564954" y="3505657"/>
                      <a:pt x="4572002" y="3526042"/>
                      <a:pt x="4572002" y="3546617"/>
                    </a:cubicBezTo>
                    <a:cubicBezTo>
                      <a:pt x="4572002" y="3572146"/>
                      <a:pt x="4565907" y="3597482"/>
                      <a:pt x="4563620" y="3623201"/>
                    </a:cubicBezTo>
                    <a:cubicBezTo>
                      <a:pt x="4561716" y="3643204"/>
                      <a:pt x="4562478" y="3663589"/>
                      <a:pt x="4560192" y="3683591"/>
                    </a:cubicBezTo>
                    <a:cubicBezTo>
                      <a:pt x="4558477" y="3699976"/>
                      <a:pt x="4554096" y="3716168"/>
                      <a:pt x="4550476" y="3732361"/>
                    </a:cubicBezTo>
                    <a:cubicBezTo>
                      <a:pt x="4549142" y="3738267"/>
                      <a:pt x="4543998" y="3744173"/>
                      <a:pt x="4544759" y="3749506"/>
                    </a:cubicBezTo>
                    <a:cubicBezTo>
                      <a:pt x="4552953" y="3802467"/>
                      <a:pt x="4516376" y="3840569"/>
                      <a:pt x="4500182" y="3885338"/>
                    </a:cubicBezTo>
                    <a:cubicBezTo>
                      <a:pt x="4483035" y="3932394"/>
                      <a:pt x="4456748" y="3977925"/>
                      <a:pt x="4464557" y="4030503"/>
                    </a:cubicBezTo>
                    <a:cubicBezTo>
                      <a:pt x="4469319" y="4062318"/>
                      <a:pt x="4480369" y="4092989"/>
                      <a:pt x="4487039" y="4124614"/>
                    </a:cubicBezTo>
                    <a:cubicBezTo>
                      <a:pt x="4489324" y="4135854"/>
                      <a:pt x="4488943" y="4148427"/>
                      <a:pt x="4486656" y="4159667"/>
                    </a:cubicBezTo>
                    <a:cubicBezTo>
                      <a:pt x="4476177" y="4213961"/>
                      <a:pt x="4474653" y="4267493"/>
                      <a:pt x="4491801" y="4320837"/>
                    </a:cubicBezTo>
                    <a:cubicBezTo>
                      <a:pt x="4494659" y="4329979"/>
                      <a:pt x="4497325" y="4339695"/>
                      <a:pt x="4497325" y="4349222"/>
                    </a:cubicBezTo>
                    <a:cubicBezTo>
                      <a:pt x="4497325" y="4401419"/>
                      <a:pt x="4493324" y="4452665"/>
                      <a:pt x="4474653" y="4502579"/>
                    </a:cubicBezTo>
                    <a:cubicBezTo>
                      <a:pt x="4468368" y="4519343"/>
                      <a:pt x="4472368" y="4539728"/>
                      <a:pt x="4470844" y="4558207"/>
                    </a:cubicBezTo>
                    <a:cubicBezTo>
                      <a:pt x="4469511" y="4575351"/>
                      <a:pt x="4468940" y="4592878"/>
                      <a:pt x="4464557" y="4609452"/>
                    </a:cubicBezTo>
                    <a:cubicBezTo>
                      <a:pt x="4458082" y="4633647"/>
                      <a:pt x="4457320" y="4656126"/>
                      <a:pt x="4463033" y="4681083"/>
                    </a:cubicBezTo>
                    <a:cubicBezTo>
                      <a:pt x="4468368" y="4704895"/>
                      <a:pt x="4465702" y="4730614"/>
                      <a:pt x="4465891" y="4755381"/>
                    </a:cubicBezTo>
                    <a:cubicBezTo>
                      <a:pt x="4466082" y="4783004"/>
                      <a:pt x="4466272" y="4810627"/>
                      <a:pt x="4465319" y="4838250"/>
                    </a:cubicBezTo>
                    <a:cubicBezTo>
                      <a:pt x="4464940" y="4849300"/>
                      <a:pt x="4457320" y="4861873"/>
                      <a:pt x="4460367" y="4871019"/>
                    </a:cubicBezTo>
                    <a:cubicBezTo>
                      <a:pt x="4470653" y="4900546"/>
                      <a:pt x="4458271" y="4930075"/>
                      <a:pt x="4463795" y="4959602"/>
                    </a:cubicBezTo>
                    <a:cubicBezTo>
                      <a:pt x="4466653" y="4974082"/>
                      <a:pt x="4458844" y="4990465"/>
                      <a:pt x="4458082" y="5006086"/>
                    </a:cubicBezTo>
                    <a:cubicBezTo>
                      <a:pt x="4456748" y="5031614"/>
                      <a:pt x="4457320" y="5057141"/>
                      <a:pt x="4456937" y="5082670"/>
                    </a:cubicBezTo>
                    <a:cubicBezTo>
                      <a:pt x="4456748" y="5091052"/>
                      <a:pt x="4455986" y="5099245"/>
                      <a:pt x="4455603" y="5107627"/>
                    </a:cubicBezTo>
                    <a:cubicBezTo>
                      <a:pt x="4455223" y="5115057"/>
                      <a:pt x="4453508" y="5122867"/>
                      <a:pt x="4454840" y="5129916"/>
                    </a:cubicBezTo>
                    <a:cubicBezTo>
                      <a:pt x="4459605" y="5155445"/>
                      <a:pt x="4467415" y="5180591"/>
                      <a:pt x="4470464" y="5206308"/>
                    </a:cubicBezTo>
                    <a:cubicBezTo>
                      <a:pt x="4473130" y="5228597"/>
                      <a:pt x="4469511" y="5251650"/>
                      <a:pt x="4471415" y="5274129"/>
                    </a:cubicBezTo>
                    <a:cubicBezTo>
                      <a:pt x="4474653" y="5313754"/>
                      <a:pt x="4480369" y="5353379"/>
                      <a:pt x="4483990" y="5393005"/>
                    </a:cubicBezTo>
                    <a:cubicBezTo>
                      <a:pt x="4484752" y="5401579"/>
                      <a:pt x="4479988" y="5410531"/>
                      <a:pt x="4479607" y="5419295"/>
                    </a:cubicBezTo>
                    <a:cubicBezTo>
                      <a:pt x="4478656" y="5446728"/>
                      <a:pt x="4478464" y="5474161"/>
                      <a:pt x="4477894" y="5501594"/>
                    </a:cubicBezTo>
                    <a:cubicBezTo>
                      <a:pt x="4477702" y="5517215"/>
                      <a:pt x="4478273" y="5533027"/>
                      <a:pt x="4476560" y="5548460"/>
                    </a:cubicBezTo>
                    <a:cubicBezTo>
                      <a:pt x="4474273" y="5568842"/>
                      <a:pt x="4470844" y="5587321"/>
                      <a:pt x="4485703" y="5606372"/>
                    </a:cubicBezTo>
                    <a:cubicBezTo>
                      <a:pt x="4508755" y="5635711"/>
                      <a:pt x="4499801" y="5673050"/>
                      <a:pt x="4505134" y="5706959"/>
                    </a:cubicBezTo>
                    <a:cubicBezTo>
                      <a:pt x="4506468" y="5715723"/>
                      <a:pt x="4506659" y="5724678"/>
                      <a:pt x="4508183" y="5733440"/>
                    </a:cubicBezTo>
                    <a:cubicBezTo>
                      <a:pt x="4511041" y="5749634"/>
                      <a:pt x="4514279" y="5765635"/>
                      <a:pt x="4517519" y="5781830"/>
                    </a:cubicBezTo>
                    <a:cubicBezTo>
                      <a:pt x="4518089" y="5784686"/>
                      <a:pt x="4518281" y="5787924"/>
                      <a:pt x="4519234" y="5790592"/>
                    </a:cubicBezTo>
                    <a:cubicBezTo>
                      <a:pt x="4527233" y="5815169"/>
                      <a:pt x="4536378" y="5839361"/>
                      <a:pt x="4542855" y="5864318"/>
                    </a:cubicBezTo>
                    <a:cubicBezTo>
                      <a:pt x="4546095" y="5876511"/>
                      <a:pt x="4546476" y="5890037"/>
                      <a:pt x="4544759" y="5902610"/>
                    </a:cubicBezTo>
                    <a:cubicBezTo>
                      <a:pt x="4539808" y="5939377"/>
                      <a:pt x="4537712" y="5975764"/>
                      <a:pt x="4544951" y="6012723"/>
                    </a:cubicBezTo>
                    <a:cubicBezTo>
                      <a:pt x="4547808" y="6027392"/>
                      <a:pt x="4543045" y="6043776"/>
                      <a:pt x="4541332" y="6059397"/>
                    </a:cubicBezTo>
                    <a:cubicBezTo>
                      <a:pt x="4536759" y="6096736"/>
                      <a:pt x="4531805" y="6134075"/>
                      <a:pt x="4527426" y="6171605"/>
                    </a:cubicBezTo>
                    <a:cubicBezTo>
                      <a:pt x="4524758" y="6195037"/>
                      <a:pt x="4523234" y="6218660"/>
                      <a:pt x="4520568" y="6242093"/>
                    </a:cubicBezTo>
                    <a:cubicBezTo>
                      <a:pt x="4517327" y="6269144"/>
                      <a:pt x="4512375" y="6296005"/>
                      <a:pt x="4509706" y="6323058"/>
                    </a:cubicBezTo>
                    <a:cubicBezTo>
                      <a:pt x="4506659" y="6353919"/>
                      <a:pt x="4506089" y="6384972"/>
                      <a:pt x="4502848" y="6415833"/>
                    </a:cubicBezTo>
                    <a:cubicBezTo>
                      <a:pt x="4496563" y="6472225"/>
                      <a:pt x="4489132" y="6528424"/>
                      <a:pt x="4482084" y="6584812"/>
                    </a:cubicBezTo>
                    <a:cubicBezTo>
                      <a:pt x="4475226" y="6639488"/>
                      <a:pt x="4469129" y="6694164"/>
                      <a:pt x="4460557" y="6748458"/>
                    </a:cubicBezTo>
                    <a:cubicBezTo>
                      <a:pt x="4456937" y="6771319"/>
                      <a:pt x="4447030" y="6793035"/>
                      <a:pt x="4441507" y="6815516"/>
                    </a:cubicBezTo>
                    <a:lnTo>
                      <a:pt x="4431806" y="6858001"/>
                    </a:lnTo>
                    <a:lnTo>
                      <a:pt x="4259554" y="6858001"/>
                    </a:lnTo>
                    <a:lnTo>
                      <a:pt x="4259554" y="6858002"/>
                    </a:lnTo>
                    <a:lnTo>
                      <a:pt x="0" y="6858002"/>
                    </a:lnTo>
                    <a:lnTo>
                      <a:pt x="0" y="2"/>
                    </a:lnTo>
                    <a:lnTo>
                      <a:pt x="3766492" y="1"/>
                    </a:lnTo>
                    <a:lnTo>
                      <a:pt x="3769210" y="21486"/>
                    </a:lnTo>
                    <a:close/>
                  </a:path>
                </a:pathLst>
              </a:custGeom>
              <a:solidFill>
                <a:schemeClr val="bg1">
                  <a:alpha val="14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wrap="square" rtlCol="0" anchor="ctr">
                <a:noAutofit/>
              </a:bodyPr>
              <a:lstStyle/>
              <a:p>
                <a:pPr algn="ctr"/>
                <a:endParaRPr lang="en-US" dirty="0"/>
              </a:p>
            </p:txBody>
          </p:sp>
        </p:grpSp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CEDE579A-0A12-4A10-85D4-A8DA1663B89B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Grp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GrpSpPr>
          <p:grpSpPr>
            <a:xfrm>
              <a:off x="3697284" y="-1"/>
              <a:ext cx="884241" cy="6858002"/>
              <a:chOff x="3697284" y="-1"/>
              <a:chExt cx="884241" cy="6858002"/>
            </a:xfrm>
          </p:grpSpPr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15CA79E3-BA58-419A-8541-7498AC2633F2}"/>
                  </a:ex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GrpSpPr/>
              <p:nvPr>
                <p:extLst>
                  <p:ext uri="{386F3935-93C4-4BCD-93E2-E3B085C9AB24}">
                    <p16:designElem xmlns:p16="http://schemas.microsoft.com/office/powerpoint/2015/main" val="1"/>
                  </p:ext>
                </p:extLst>
              </p:nvPr>
            </p:nvGrpSpPr>
            <p:grpSpPr>
              <a:xfrm>
                <a:off x="3697284" y="-1"/>
                <a:ext cx="884241" cy="6858001"/>
                <a:chOff x="3697284" y="-1"/>
                <a:chExt cx="884241" cy="6858001"/>
              </a:xfrm>
              <a:solidFill>
                <a:srgbClr val="FFFFFF"/>
              </a:solidFill>
              <a:effectLst/>
            </p:grpSpPr>
            <p:sp>
              <p:nvSpPr>
                <p:cNvPr id="20" name="Freeform: Shape 19">
                  <a:extLst>
                    <a:ext uri="{FF2B5EF4-FFF2-40B4-BE49-F238E27FC236}">
                      <a16:creationId xmlns:a16="http://schemas.microsoft.com/office/drawing/2014/main" id="{2348C622-BC44-4959-B64E-427015FD1FFA}"/>
                    </a:ext>
                    <a:ext uri="{C183D7F6-B498-43B3-948B-1728B52AA6E4}">
                      <adec:decorative xmlns:adec="http://schemas.microsoft.com/office/drawing/2017/decorative" val="1"/>
                    </a:ext>
                  </a:extLst>
                </p:cNvPr>
                <p:cNvSpPr/>
                <p:nvPr>
                  <p:extLst>
                    <p:ext uri="{386F3935-93C4-4BCD-93E2-E3B085C9AB24}">
                      <p16:designElem xmlns:p16="http://schemas.microsoft.com/office/powerpoint/2015/main" val="1"/>
                    </p:ext>
                  </p:extLst>
                </p:nvPr>
              </p:nvSpPr>
              <p:spPr>
                <a:xfrm rot="16200000" flipH="1">
                  <a:off x="705641" y="2991642"/>
                  <a:ext cx="6858001" cy="874716"/>
                </a:xfrm>
                <a:custGeom>
                  <a:avLst/>
                  <a:gdLst>
                    <a:gd name="connsiteX0" fmla="*/ 0 w 6858001"/>
                    <a:gd name="connsiteY0" fmla="*/ 533314 h 874716"/>
                    <a:gd name="connsiteX1" fmla="*/ 0 w 6858001"/>
                    <a:gd name="connsiteY1" fmla="*/ 69206 h 874716"/>
                    <a:gd name="connsiteX2" fmla="*/ 21486 w 6858001"/>
                    <a:gd name="connsiteY2" fmla="*/ 71924 h 874716"/>
                    <a:gd name="connsiteX3" fmla="*/ 228948 w 6858001"/>
                    <a:gd name="connsiteY3" fmla="*/ 88116 h 874716"/>
                    <a:gd name="connsiteX4" fmla="*/ 313533 w 6858001"/>
                    <a:gd name="connsiteY4" fmla="*/ 62779 h 874716"/>
                    <a:gd name="connsiteX5" fmla="*/ 338870 w 6858001"/>
                    <a:gd name="connsiteY5" fmla="*/ 62207 h 874716"/>
                    <a:gd name="connsiteX6" fmla="*/ 395640 w 6858001"/>
                    <a:gd name="connsiteY6" fmla="*/ 72114 h 874716"/>
                    <a:gd name="connsiteX7" fmla="*/ 512802 w 6858001"/>
                    <a:gd name="connsiteY7" fmla="*/ 65446 h 874716"/>
                    <a:gd name="connsiteX8" fmla="*/ 556047 w 6858001"/>
                    <a:gd name="connsiteY8" fmla="*/ 55349 h 874716"/>
                    <a:gd name="connsiteX9" fmla="*/ 580050 w 6858001"/>
                    <a:gd name="connsiteY9" fmla="*/ 48871 h 874716"/>
                    <a:gd name="connsiteX10" fmla="*/ 703308 w 6858001"/>
                    <a:gd name="connsiteY10" fmla="*/ 30964 h 874716"/>
                    <a:gd name="connsiteX11" fmla="*/ 758174 w 6858001"/>
                    <a:gd name="connsiteY11" fmla="*/ 11724 h 874716"/>
                    <a:gd name="connsiteX12" fmla="*/ 773035 w 6858001"/>
                    <a:gd name="connsiteY12" fmla="*/ 8866 h 874716"/>
                    <a:gd name="connsiteX13" fmla="*/ 854379 w 6858001"/>
                    <a:gd name="connsiteY13" fmla="*/ 16866 h 874716"/>
                    <a:gd name="connsiteX14" fmla="*/ 915343 w 6858001"/>
                    <a:gd name="connsiteY14" fmla="*/ 47919 h 874716"/>
                    <a:gd name="connsiteX15" fmla="*/ 927155 w 6858001"/>
                    <a:gd name="connsiteY15" fmla="*/ 58397 h 874716"/>
                    <a:gd name="connsiteX16" fmla="*/ 1097087 w 6858001"/>
                    <a:gd name="connsiteY16" fmla="*/ 54777 h 874716"/>
                    <a:gd name="connsiteX17" fmla="*/ 1123185 w 6858001"/>
                    <a:gd name="connsiteY17" fmla="*/ 50395 h 874716"/>
                    <a:gd name="connsiteX18" fmla="*/ 1249302 w 6858001"/>
                    <a:gd name="connsiteY18" fmla="*/ 68684 h 874716"/>
                    <a:gd name="connsiteX19" fmla="*/ 1286069 w 6858001"/>
                    <a:gd name="connsiteY19" fmla="*/ 72304 h 874716"/>
                    <a:gd name="connsiteX20" fmla="*/ 1417899 w 6858001"/>
                    <a:gd name="connsiteY20" fmla="*/ 88688 h 874716"/>
                    <a:gd name="connsiteX21" fmla="*/ 1436568 w 6858001"/>
                    <a:gd name="connsiteY21" fmla="*/ 73448 h 874716"/>
                    <a:gd name="connsiteX22" fmla="*/ 1490292 w 6858001"/>
                    <a:gd name="connsiteY22" fmla="*/ 35154 h 874716"/>
                    <a:gd name="connsiteX23" fmla="*/ 1596213 w 6858001"/>
                    <a:gd name="connsiteY23" fmla="*/ 1245 h 874716"/>
                    <a:gd name="connsiteX24" fmla="*/ 1624980 w 6858001"/>
                    <a:gd name="connsiteY24" fmla="*/ 3150 h 874716"/>
                    <a:gd name="connsiteX25" fmla="*/ 1697753 w 6858001"/>
                    <a:gd name="connsiteY25" fmla="*/ 59731 h 874716"/>
                    <a:gd name="connsiteX26" fmla="*/ 1733188 w 6858001"/>
                    <a:gd name="connsiteY26" fmla="*/ 82400 h 874716"/>
                    <a:gd name="connsiteX27" fmla="*/ 1833775 w 6858001"/>
                    <a:gd name="connsiteY27" fmla="*/ 124121 h 874716"/>
                    <a:gd name="connsiteX28" fmla="*/ 1842158 w 6858001"/>
                    <a:gd name="connsiteY28" fmla="*/ 131742 h 874716"/>
                    <a:gd name="connsiteX29" fmla="*/ 1916454 w 6858001"/>
                    <a:gd name="connsiteY29" fmla="*/ 222233 h 874716"/>
                    <a:gd name="connsiteX30" fmla="*/ 1933219 w 6858001"/>
                    <a:gd name="connsiteY30" fmla="*/ 237663 h 874716"/>
                    <a:gd name="connsiteX31" fmla="*/ 1953413 w 6858001"/>
                    <a:gd name="connsiteY31" fmla="*/ 261668 h 874716"/>
                    <a:gd name="connsiteX32" fmla="*/ 2016469 w 6858001"/>
                    <a:gd name="connsiteY32" fmla="*/ 308151 h 874716"/>
                    <a:gd name="connsiteX33" fmla="*/ 2094578 w 6858001"/>
                    <a:gd name="connsiteY33" fmla="*/ 323010 h 874716"/>
                    <a:gd name="connsiteX34" fmla="*/ 2188879 w 6858001"/>
                    <a:gd name="connsiteY34" fmla="*/ 345681 h 874716"/>
                    <a:gd name="connsiteX35" fmla="*/ 2228314 w 6858001"/>
                    <a:gd name="connsiteY35" fmla="*/ 360921 h 874716"/>
                    <a:gd name="connsiteX36" fmla="*/ 2334044 w 6858001"/>
                    <a:gd name="connsiteY36" fmla="*/ 389878 h 874716"/>
                    <a:gd name="connsiteX37" fmla="*/ 2409485 w 6858001"/>
                    <a:gd name="connsiteY37" fmla="*/ 414263 h 874716"/>
                    <a:gd name="connsiteX38" fmla="*/ 2518264 w 6858001"/>
                    <a:gd name="connsiteY38" fmla="*/ 428552 h 874716"/>
                    <a:gd name="connsiteX39" fmla="*/ 2571034 w 6858001"/>
                    <a:gd name="connsiteY39" fmla="*/ 429122 h 874716"/>
                    <a:gd name="connsiteX40" fmla="*/ 2668001 w 6858001"/>
                    <a:gd name="connsiteY40" fmla="*/ 502276 h 874716"/>
                    <a:gd name="connsiteX41" fmla="*/ 2745348 w 6858001"/>
                    <a:gd name="connsiteY41" fmla="*/ 550666 h 874716"/>
                    <a:gd name="connsiteX42" fmla="*/ 2826694 w 6858001"/>
                    <a:gd name="connsiteY42" fmla="*/ 527233 h 874716"/>
                    <a:gd name="connsiteX43" fmla="*/ 2848793 w 6858001"/>
                    <a:gd name="connsiteY43" fmla="*/ 505134 h 874716"/>
                    <a:gd name="connsiteX44" fmla="*/ 2982148 w 6858001"/>
                    <a:gd name="connsiteY44" fmla="*/ 484179 h 874716"/>
                    <a:gd name="connsiteX45" fmla="*/ 3172654 w 6858001"/>
                    <a:gd name="connsiteY45" fmla="*/ 483417 h 874716"/>
                    <a:gd name="connsiteX46" fmla="*/ 3489467 w 6858001"/>
                    <a:gd name="connsiteY46" fmla="*/ 435790 h 874716"/>
                    <a:gd name="connsiteX47" fmla="*/ 3544713 w 6858001"/>
                    <a:gd name="connsiteY47" fmla="*/ 413691 h 874716"/>
                    <a:gd name="connsiteX48" fmla="*/ 3606817 w 6858001"/>
                    <a:gd name="connsiteY48" fmla="*/ 408167 h 874716"/>
                    <a:gd name="connsiteX49" fmla="*/ 3630632 w 6858001"/>
                    <a:gd name="connsiteY49" fmla="*/ 421693 h 874716"/>
                    <a:gd name="connsiteX50" fmla="*/ 3734837 w 6858001"/>
                    <a:gd name="connsiteY50" fmla="*/ 441886 h 874716"/>
                    <a:gd name="connsiteX51" fmla="*/ 3754652 w 6858001"/>
                    <a:gd name="connsiteY51" fmla="*/ 442268 h 874716"/>
                    <a:gd name="connsiteX52" fmla="*/ 3822472 w 6858001"/>
                    <a:gd name="connsiteY52" fmla="*/ 433694 h 874716"/>
                    <a:gd name="connsiteX53" fmla="*/ 3885338 w 6858001"/>
                    <a:gd name="connsiteY53" fmla="*/ 428742 h 874716"/>
                    <a:gd name="connsiteX54" fmla="*/ 4043839 w 6858001"/>
                    <a:gd name="connsiteY54" fmla="*/ 444934 h 874716"/>
                    <a:gd name="connsiteX55" fmla="*/ 4165383 w 6858001"/>
                    <a:gd name="connsiteY55" fmla="*/ 441124 h 874716"/>
                    <a:gd name="connsiteX56" fmla="*/ 4221391 w 6858001"/>
                    <a:gd name="connsiteY56" fmla="*/ 444934 h 874716"/>
                    <a:gd name="connsiteX57" fmla="*/ 4253014 w 6858001"/>
                    <a:gd name="connsiteY57" fmla="*/ 450650 h 874716"/>
                    <a:gd name="connsiteX58" fmla="*/ 4324645 w 6858001"/>
                    <a:gd name="connsiteY58" fmla="*/ 490466 h 874716"/>
                    <a:gd name="connsiteX59" fmla="*/ 4363890 w 6858001"/>
                    <a:gd name="connsiteY59" fmla="*/ 499420 h 874716"/>
                    <a:gd name="connsiteX60" fmla="*/ 4482004 w 6858001"/>
                    <a:gd name="connsiteY60" fmla="*/ 498658 h 874716"/>
                    <a:gd name="connsiteX61" fmla="*/ 4659174 w 6858001"/>
                    <a:gd name="connsiteY61" fmla="*/ 438648 h 874716"/>
                    <a:gd name="connsiteX62" fmla="*/ 4677655 w 6858001"/>
                    <a:gd name="connsiteY62" fmla="*/ 430646 h 874716"/>
                    <a:gd name="connsiteX63" fmla="*/ 4767764 w 6858001"/>
                    <a:gd name="connsiteY63" fmla="*/ 420739 h 874716"/>
                    <a:gd name="connsiteX64" fmla="*/ 4828916 w 6858001"/>
                    <a:gd name="connsiteY64" fmla="*/ 434266 h 874716"/>
                    <a:gd name="connsiteX65" fmla="*/ 4912168 w 6858001"/>
                    <a:gd name="connsiteY65" fmla="*/ 462271 h 874716"/>
                    <a:gd name="connsiteX66" fmla="*/ 4987037 w 6858001"/>
                    <a:gd name="connsiteY66" fmla="*/ 485703 h 874716"/>
                    <a:gd name="connsiteX67" fmla="*/ 5041521 w 6858001"/>
                    <a:gd name="connsiteY67" fmla="*/ 512182 h 874716"/>
                    <a:gd name="connsiteX68" fmla="*/ 5166113 w 6858001"/>
                    <a:gd name="connsiteY68" fmla="*/ 531615 h 874716"/>
                    <a:gd name="connsiteX69" fmla="*/ 5179067 w 6858001"/>
                    <a:gd name="connsiteY69" fmla="*/ 534853 h 874716"/>
                    <a:gd name="connsiteX70" fmla="*/ 5272796 w 6858001"/>
                    <a:gd name="connsiteY70" fmla="*/ 511230 h 874716"/>
                    <a:gd name="connsiteX71" fmla="*/ 5385384 w 6858001"/>
                    <a:gd name="connsiteY71" fmla="*/ 487227 h 874716"/>
                    <a:gd name="connsiteX72" fmla="*/ 5425582 w 6858001"/>
                    <a:gd name="connsiteY72" fmla="*/ 495418 h 874716"/>
                    <a:gd name="connsiteX73" fmla="*/ 5480637 w 6858001"/>
                    <a:gd name="connsiteY73" fmla="*/ 507040 h 874716"/>
                    <a:gd name="connsiteX74" fmla="*/ 5531693 w 6858001"/>
                    <a:gd name="connsiteY74" fmla="*/ 500944 h 874716"/>
                    <a:gd name="connsiteX75" fmla="*/ 5562746 w 6858001"/>
                    <a:gd name="connsiteY75" fmla="*/ 500372 h 874716"/>
                    <a:gd name="connsiteX76" fmla="*/ 5704483 w 6858001"/>
                    <a:gd name="connsiteY76" fmla="*/ 571620 h 874716"/>
                    <a:gd name="connsiteX77" fmla="*/ 5740488 w 6858001"/>
                    <a:gd name="connsiteY77" fmla="*/ 577526 h 874716"/>
                    <a:gd name="connsiteX78" fmla="*/ 5760873 w 6858001"/>
                    <a:gd name="connsiteY78" fmla="*/ 586291 h 874716"/>
                    <a:gd name="connsiteX79" fmla="*/ 5883751 w 6858001"/>
                    <a:gd name="connsiteY79" fmla="*/ 674686 h 874716"/>
                    <a:gd name="connsiteX80" fmla="*/ 5935949 w 6858001"/>
                    <a:gd name="connsiteY80" fmla="*/ 692592 h 874716"/>
                    <a:gd name="connsiteX81" fmla="*/ 5993291 w 6858001"/>
                    <a:gd name="connsiteY81" fmla="*/ 688972 h 874716"/>
                    <a:gd name="connsiteX82" fmla="*/ 6026440 w 6858001"/>
                    <a:gd name="connsiteY82" fmla="*/ 682496 h 874716"/>
                    <a:gd name="connsiteX83" fmla="*/ 6108738 w 6858001"/>
                    <a:gd name="connsiteY83" fmla="*/ 626296 h 874716"/>
                    <a:gd name="connsiteX84" fmla="*/ 6155602 w 6858001"/>
                    <a:gd name="connsiteY84" fmla="*/ 628202 h 874716"/>
                    <a:gd name="connsiteX85" fmla="*/ 6228756 w 6858001"/>
                    <a:gd name="connsiteY85" fmla="*/ 666873 h 874716"/>
                    <a:gd name="connsiteX86" fmla="*/ 6361539 w 6858001"/>
                    <a:gd name="connsiteY86" fmla="*/ 684210 h 874716"/>
                    <a:gd name="connsiteX87" fmla="*/ 6428979 w 6858001"/>
                    <a:gd name="connsiteY87" fmla="*/ 630106 h 874716"/>
                    <a:gd name="connsiteX88" fmla="*/ 6463840 w 6858001"/>
                    <a:gd name="connsiteY88" fmla="*/ 578098 h 874716"/>
                    <a:gd name="connsiteX89" fmla="*/ 6564620 w 6858001"/>
                    <a:gd name="connsiteY89" fmla="*/ 517708 h 874716"/>
                    <a:gd name="connsiteX90" fmla="*/ 6588625 w 6858001"/>
                    <a:gd name="connsiteY90" fmla="*/ 540187 h 874716"/>
                    <a:gd name="connsiteX91" fmla="*/ 6662541 w 6858001"/>
                    <a:gd name="connsiteY91" fmla="*/ 549714 h 874716"/>
                    <a:gd name="connsiteX92" fmla="*/ 6742552 w 6858001"/>
                    <a:gd name="connsiteY92" fmla="*/ 548952 h 874716"/>
                    <a:gd name="connsiteX93" fmla="*/ 6812063 w 6858001"/>
                    <a:gd name="connsiteY93" fmla="*/ 568430 h 874716"/>
                    <a:gd name="connsiteX94" fmla="*/ 6858001 w 6858001"/>
                    <a:gd name="connsiteY94" fmla="*/ 562267 h 874716"/>
                    <a:gd name="connsiteX95" fmla="*/ 6858001 w 6858001"/>
                    <a:gd name="connsiteY95" fmla="*/ 734520 h 874716"/>
                    <a:gd name="connsiteX96" fmla="*/ 6815516 w 6858001"/>
                    <a:gd name="connsiteY96" fmla="*/ 744220 h 874716"/>
                    <a:gd name="connsiteX97" fmla="*/ 6748458 w 6858001"/>
                    <a:gd name="connsiteY97" fmla="*/ 763271 h 874716"/>
                    <a:gd name="connsiteX98" fmla="*/ 6584812 w 6858001"/>
                    <a:gd name="connsiteY98" fmla="*/ 784797 h 874716"/>
                    <a:gd name="connsiteX99" fmla="*/ 6415833 w 6858001"/>
                    <a:gd name="connsiteY99" fmla="*/ 805562 h 874716"/>
                    <a:gd name="connsiteX100" fmla="*/ 6323058 w 6858001"/>
                    <a:gd name="connsiteY100" fmla="*/ 812420 h 874716"/>
                    <a:gd name="connsiteX101" fmla="*/ 6242093 w 6858001"/>
                    <a:gd name="connsiteY101" fmla="*/ 823281 h 874716"/>
                    <a:gd name="connsiteX102" fmla="*/ 6171605 w 6858001"/>
                    <a:gd name="connsiteY102" fmla="*/ 830139 h 874716"/>
                    <a:gd name="connsiteX103" fmla="*/ 6059397 w 6858001"/>
                    <a:gd name="connsiteY103" fmla="*/ 844045 h 874716"/>
                    <a:gd name="connsiteX104" fmla="*/ 6012723 w 6858001"/>
                    <a:gd name="connsiteY104" fmla="*/ 847665 h 874716"/>
                    <a:gd name="connsiteX105" fmla="*/ 5902610 w 6858001"/>
                    <a:gd name="connsiteY105" fmla="*/ 847473 h 874716"/>
                    <a:gd name="connsiteX106" fmla="*/ 5864318 w 6858001"/>
                    <a:gd name="connsiteY106" fmla="*/ 845569 h 874716"/>
                    <a:gd name="connsiteX107" fmla="*/ 5790592 w 6858001"/>
                    <a:gd name="connsiteY107" fmla="*/ 821947 h 874716"/>
                    <a:gd name="connsiteX108" fmla="*/ 5781830 w 6858001"/>
                    <a:gd name="connsiteY108" fmla="*/ 820233 h 874716"/>
                    <a:gd name="connsiteX109" fmla="*/ 5733440 w 6858001"/>
                    <a:gd name="connsiteY109" fmla="*/ 810896 h 874716"/>
                    <a:gd name="connsiteX110" fmla="*/ 5706959 w 6858001"/>
                    <a:gd name="connsiteY110" fmla="*/ 807848 h 874716"/>
                    <a:gd name="connsiteX111" fmla="*/ 5606372 w 6858001"/>
                    <a:gd name="connsiteY111" fmla="*/ 788417 h 874716"/>
                    <a:gd name="connsiteX112" fmla="*/ 5548460 w 6858001"/>
                    <a:gd name="connsiteY112" fmla="*/ 779273 h 874716"/>
                    <a:gd name="connsiteX113" fmla="*/ 5501594 w 6858001"/>
                    <a:gd name="connsiteY113" fmla="*/ 780607 h 874716"/>
                    <a:gd name="connsiteX114" fmla="*/ 5419295 w 6858001"/>
                    <a:gd name="connsiteY114" fmla="*/ 782321 h 874716"/>
                    <a:gd name="connsiteX115" fmla="*/ 5393005 w 6858001"/>
                    <a:gd name="connsiteY115" fmla="*/ 786703 h 874716"/>
                    <a:gd name="connsiteX116" fmla="*/ 5274129 w 6858001"/>
                    <a:gd name="connsiteY116" fmla="*/ 774129 h 874716"/>
                    <a:gd name="connsiteX117" fmla="*/ 5206308 w 6858001"/>
                    <a:gd name="connsiteY117" fmla="*/ 773177 h 874716"/>
                    <a:gd name="connsiteX118" fmla="*/ 5129916 w 6858001"/>
                    <a:gd name="connsiteY118" fmla="*/ 757554 h 874716"/>
                    <a:gd name="connsiteX119" fmla="*/ 5107627 w 6858001"/>
                    <a:gd name="connsiteY119" fmla="*/ 758316 h 874716"/>
                    <a:gd name="connsiteX120" fmla="*/ 5082670 w 6858001"/>
                    <a:gd name="connsiteY120" fmla="*/ 759651 h 874716"/>
                    <a:gd name="connsiteX121" fmla="*/ 5006086 w 6858001"/>
                    <a:gd name="connsiteY121" fmla="*/ 760795 h 874716"/>
                    <a:gd name="connsiteX122" fmla="*/ 4959602 w 6858001"/>
                    <a:gd name="connsiteY122" fmla="*/ 766509 h 874716"/>
                    <a:gd name="connsiteX123" fmla="*/ 4871019 w 6858001"/>
                    <a:gd name="connsiteY123" fmla="*/ 763081 h 874716"/>
                    <a:gd name="connsiteX124" fmla="*/ 4838250 w 6858001"/>
                    <a:gd name="connsiteY124" fmla="*/ 768033 h 874716"/>
                    <a:gd name="connsiteX125" fmla="*/ 4755381 w 6858001"/>
                    <a:gd name="connsiteY125" fmla="*/ 768605 h 874716"/>
                    <a:gd name="connsiteX126" fmla="*/ 4681083 w 6858001"/>
                    <a:gd name="connsiteY126" fmla="*/ 765747 h 874716"/>
                    <a:gd name="connsiteX127" fmla="*/ 4609452 w 6858001"/>
                    <a:gd name="connsiteY127" fmla="*/ 767271 h 874716"/>
                    <a:gd name="connsiteX128" fmla="*/ 4558207 w 6858001"/>
                    <a:gd name="connsiteY128" fmla="*/ 773557 h 874716"/>
                    <a:gd name="connsiteX129" fmla="*/ 4502579 w 6858001"/>
                    <a:gd name="connsiteY129" fmla="*/ 777367 h 874716"/>
                    <a:gd name="connsiteX130" fmla="*/ 4349222 w 6858001"/>
                    <a:gd name="connsiteY130" fmla="*/ 800038 h 874716"/>
                    <a:gd name="connsiteX131" fmla="*/ 4320837 w 6858001"/>
                    <a:gd name="connsiteY131" fmla="*/ 794514 h 874716"/>
                    <a:gd name="connsiteX132" fmla="*/ 4159667 w 6858001"/>
                    <a:gd name="connsiteY132" fmla="*/ 789370 h 874716"/>
                    <a:gd name="connsiteX133" fmla="*/ 4124614 w 6858001"/>
                    <a:gd name="connsiteY133" fmla="*/ 789752 h 874716"/>
                    <a:gd name="connsiteX134" fmla="*/ 4030503 w 6858001"/>
                    <a:gd name="connsiteY134" fmla="*/ 767271 h 874716"/>
                    <a:gd name="connsiteX135" fmla="*/ 3885338 w 6858001"/>
                    <a:gd name="connsiteY135" fmla="*/ 802896 h 874716"/>
                    <a:gd name="connsiteX136" fmla="*/ 3749506 w 6858001"/>
                    <a:gd name="connsiteY136" fmla="*/ 847473 h 874716"/>
                    <a:gd name="connsiteX137" fmla="*/ 3732361 w 6858001"/>
                    <a:gd name="connsiteY137" fmla="*/ 853190 h 874716"/>
                    <a:gd name="connsiteX138" fmla="*/ 3683591 w 6858001"/>
                    <a:gd name="connsiteY138" fmla="*/ 862906 h 874716"/>
                    <a:gd name="connsiteX139" fmla="*/ 3623201 w 6858001"/>
                    <a:gd name="connsiteY139" fmla="*/ 866334 h 874716"/>
                    <a:gd name="connsiteX140" fmla="*/ 3546617 w 6858001"/>
                    <a:gd name="connsiteY140" fmla="*/ 874716 h 874716"/>
                    <a:gd name="connsiteX141" fmla="*/ 3485275 w 6858001"/>
                    <a:gd name="connsiteY141" fmla="*/ 864238 h 874716"/>
                    <a:gd name="connsiteX142" fmla="*/ 3399546 w 6858001"/>
                    <a:gd name="connsiteY142" fmla="*/ 848618 h 874716"/>
                    <a:gd name="connsiteX143" fmla="*/ 3318771 w 6858001"/>
                    <a:gd name="connsiteY143" fmla="*/ 833757 h 874716"/>
                    <a:gd name="connsiteX144" fmla="*/ 3293244 w 6858001"/>
                    <a:gd name="connsiteY144" fmla="*/ 851284 h 874716"/>
                    <a:gd name="connsiteX145" fmla="*/ 3253809 w 6858001"/>
                    <a:gd name="connsiteY145" fmla="*/ 866524 h 874716"/>
                    <a:gd name="connsiteX146" fmla="*/ 3209993 w 6858001"/>
                    <a:gd name="connsiteY146" fmla="*/ 848235 h 874716"/>
                    <a:gd name="connsiteX147" fmla="*/ 3107500 w 6858001"/>
                    <a:gd name="connsiteY147" fmla="*/ 810326 h 874716"/>
                    <a:gd name="connsiteX148" fmla="*/ 3042728 w 6858001"/>
                    <a:gd name="connsiteY148" fmla="*/ 808610 h 874716"/>
                    <a:gd name="connsiteX149" fmla="*/ 2901943 w 6858001"/>
                    <a:gd name="connsiteY149" fmla="*/ 792418 h 874716"/>
                    <a:gd name="connsiteX150" fmla="*/ 2809930 w 6858001"/>
                    <a:gd name="connsiteY150" fmla="*/ 769367 h 874716"/>
                    <a:gd name="connsiteX151" fmla="*/ 2743826 w 6858001"/>
                    <a:gd name="connsiteY151" fmla="*/ 743268 h 874716"/>
                    <a:gd name="connsiteX152" fmla="*/ 2649143 w 6858001"/>
                    <a:gd name="connsiteY152" fmla="*/ 709167 h 874716"/>
                    <a:gd name="connsiteX153" fmla="*/ 2554079 w 6858001"/>
                    <a:gd name="connsiteY153" fmla="*/ 691450 h 874716"/>
                    <a:gd name="connsiteX154" fmla="*/ 2485307 w 6858001"/>
                    <a:gd name="connsiteY154" fmla="*/ 669160 h 874716"/>
                    <a:gd name="connsiteX155" fmla="*/ 2401292 w 6858001"/>
                    <a:gd name="connsiteY155" fmla="*/ 653919 h 874716"/>
                    <a:gd name="connsiteX156" fmla="*/ 2330806 w 6858001"/>
                    <a:gd name="connsiteY156" fmla="*/ 653349 h 874716"/>
                    <a:gd name="connsiteX157" fmla="*/ 2220312 w 6858001"/>
                    <a:gd name="connsiteY157" fmla="*/ 656015 h 874716"/>
                    <a:gd name="connsiteX158" fmla="*/ 2085054 w 6858001"/>
                    <a:gd name="connsiteY158" fmla="*/ 609914 h 874716"/>
                    <a:gd name="connsiteX159" fmla="*/ 2030378 w 6858001"/>
                    <a:gd name="connsiteY159" fmla="*/ 599625 h 874716"/>
                    <a:gd name="connsiteX160" fmla="*/ 1978940 w 6858001"/>
                    <a:gd name="connsiteY160" fmla="*/ 594863 h 874716"/>
                    <a:gd name="connsiteX161" fmla="*/ 1869780 w 6858001"/>
                    <a:gd name="connsiteY161" fmla="*/ 564192 h 874716"/>
                    <a:gd name="connsiteX162" fmla="*/ 1825393 w 6858001"/>
                    <a:gd name="connsiteY162" fmla="*/ 554094 h 874716"/>
                    <a:gd name="connsiteX163" fmla="*/ 1763287 w 6858001"/>
                    <a:gd name="connsiteY163" fmla="*/ 554286 h 874716"/>
                    <a:gd name="connsiteX164" fmla="*/ 1650317 w 6858001"/>
                    <a:gd name="connsiteY164" fmla="*/ 540187 h 874716"/>
                    <a:gd name="connsiteX165" fmla="*/ 1537537 w 6858001"/>
                    <a:gd name="connsiteY165" fmla="*/ 499038 h 874716"/>
                    <a:gd name="connsiteX166" fmla="*/ 1489720 w 6858001"/>
                    <a:gd name="connsiteY166" fmla="*/ 503038 h 874716"/>
                    <a:gd name="connsiteX167" fmla="*/ 1472575 w 6858001"/>
                    <a:gd name="connsiteY167" fmla="*/ 502086 h 874716"/>
                    <a:gd name="connsiteX168" fmla="*/ 1318456 w 6858001"/>
                    <a:gd name="connsiteY168" fmla="*/ 479415 h 874716"/>
                    <a:gd name="connsiteX169" fmla="*/ 1303024 w 6858001"/>
                    <a:gd name="connsiteY169" fmla="*/ 476939 h 874716"/>
                    <a:gd name="connsiteX170" fmla="*/ 1230633 w 6858001"/>
                    <a:gd name="connsiteY170" fmla="*/ 456746 h 874716"/>
                    <a:gd name="connsiteX171" fmla="*/ 1048125 w 6858001"/>
                    <a:gd name="connsiteY171" fmla="*/ 444172 h 874716"/>
                    <a:gd name="connsiteX172" fmla="*/ 1036887 w 6858001"/>
                    <a:gd name="connsiteY172" fmla="*/ 442648 h 874716"/>
                    <a:gd name="connsiteX173" fmla="*/ 975733 w 6858001"/>
                    <a:gd name="connsiteY173" fmla="*/ 452744 h 874716"/>
                    <a:gd name="connsiteX174" fmla="*/ 945444 w 6858001"/>
                    <a:gd name="connsiteY174" fmla="*/ 467033 h 874716"/>
                    <a:gd name="connsiteX175" fmla="*/ 898198 w 6858001"/>
                    <a:gd name="connsiteY175" fmla="*/ 481893 h 874716"/>
                    <a:gd name="connsiteX176" fmla="*/ 850189 w 6858001"/>
                    <a:gd name="connsiteY176" fmla="*/ 487417 h 874716"/>
                    <a:gd name="connsiteX177" fmla="*/ 769605 w 6858001"/>
                    <a:gd name="connsiteY177" fmla="*/ 464937 h 874716"/>
                    <a:gd name="connsiteX178" fmla="*/ 740268 w 6858001"/>
                    <a:gd name="connsiteY178" fmla="*/ 462651 h 874716"/>
                    <a:gd name="connsiteX179" fmla="*/ 674923 w 6858001"/>
                    <a:gd name="connsiteY179" fmla="*/ 451792 h 874716"/>
                    <a:gd name="connsiteX180" fmla="*/ 617772 w 6858001"/>
                    <a:gd name="connsiteY180" fmla="*/ 452554 h 874716"/>
                    <a:gd name="connsiteX181" fmla="*/ 571860 w 6858001"/>
                    <a:gd name="connsiteY181" fmla="*/ 469891 h 874716"/>
                    <a:gd name="connsiteX182" fmla="*/ 505182 w 6858001"/>
                    <a:gd name="connsiteY182" fmla="*/ 473319 h 874716"/>
                    <a:gd name="connsiteX183" fmla="*/ 462126 w 6858001"/>
                    <a:gd name="connsiteY183" fmla="*/ 460747 h 874716"/>
                    <a:gd name="connsiteX184" fmla="*/ 453364 w 6858001"/>
                    <a:gd name="connsiteY184" fmla="*/ 459033 h 874716"/>
                    <a:gd name="connsiteX185" fmla="*/ 340774 w 6858001"/>
                    <a:gd name="connsiteY185" fmla="*/ 458268 h 874716"/>
                    <a:gd name="connsiteX186" fmla="*/ 200182 w 6858001"/>
                    <a:gd name="connsiteY186" fmla="*/ 496180 h 874716"/>
                    <a:gd name="connsiteX187" fmla="*/ 176939 w 6858001"/>
                    <a:gd name="connsiteY187" fmla="*/ 504182 h 874716"/>
                    <a:gd name="connsiteX188" fmla="*/ 63587 w 6858001"/>
                    <a:gd name="connsiteY188" fmla="*/ 518088 h 874716"/>
                    <a:gd name="connsiteX189" fmla="*/ 2817 w 6858001"/>
                    <a:gd name="connsiteY189" fmla="*/ 532187 h 874716"/>
                    <a:gd name="connsiteX190" fmla="*/ 0 w 6858001"/>
                    <a:gd name="connsiteY190" fmla="*/ 533314 h 87471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  <a:cxn ang="0">
                      <a:pos x="connsiteX190" y="connsiteY190"/>
                    </a:cxn>
                  </a:cxnLst>
                  <a:rect l="l" t="t" r="r" b="b"/>
                  <a:pathLst>
                    <a:path w="6858001" h="874716">
                      <a:moveTo>
                        <a:pt x="0" y="533314"/>
                      </a:moveTo>
                      <a:lnTo>
                        <a:pt x="0" y="69206"/>
                      </a:lnTo>
                      <a:lnTo>
                        <a:pt x="21486" y="71924"/>
                      </a:lnTo>
                      <a:cubicBezTo>
                        <a:pt x="92546" y="60493"/>
                        <a:pt x="159604" y="87354"/>
                        <a:pt x="228948" y="88116"/>
                      </a:cubicBezTo>
                      <a:cubicBezTo>
                        <a:pt x="260382" y="88496"/>
                        <a:pt x="291435" y="94592"/>
                        <a:pt x="313533" y="62779"/>
                      </a:cubicBezTo>
                      <a:cubicBezTo>
                        <a:pt x="316389" y="58587"/>
                        <a:pt x="330298" y="60873"/>
                        <a:pt x="338870" y="62207"/>
                      </a:cubicBezTo>
                      <a:cubicBezTo>
                        <a:pt x="357921" y="65066"/>
                        <a:pt x="376781" y="72304"/>
                        <a:pt x="395640" y="72114"/>
                      </a:cubicBezTo>
                      <a:cubicBezTo>
                        <a:pt x="434695" y="71924"/>
                        <a:pt x="473939" y="68876"/>
                        <a:pt x="512802" y="65446"/>
                      </a:cubicBezTo>
                      <a:cubicBezTo>
                        <a:pt x="527470" y="64112"/>
                        <a:pt x="541569" y="58969"/>
                        <a:pt x="556047" y="55349"/>
                      </a:cubicBezTo>
                      <a:cubicBezTo>
                        <a:pt x="564048" y="53253"/>
                        <a:pt x="572622" y="47729"/>
                        <a:pt x="580050" y="48871"/>
                      </a:cubicBezTo>
                      <a:cubicBezTo>
                        <a:pt x="623106" y="55539"/>
                        <a:pt x="662541" y="39157"/>
                        <a:pt x="703308" y="30964"/>
                      </a:cubicBezTo>
                      <a:cubicBezTo>
                        <a:pt x="722169" y="27154"/>
                        <a:pt x="739886" y="18010"/>
                        <a:pt x="758174" y="11724"/>
                      </a:cubicBezTo>
                      <a:cubicBezTo>
                        <a:pt x="762936" y="10008"/>
                        <a:pt x="768271" y="8484"/>
                        <a:pt x="773035" y="8866"/>
                      </a:cubicBezTo>
                      <a:cubicBezTo>
                        <a:pt x="800276" y="11152"/>
                        <a:pt x="827329" y="14390"/>
                        <a:pt x="854379" y="16866"/>
                      </a:cubicBezTo>
                      <a:cubicBezTo>
                        <a:pt x="878956" y="19152"/>
                        <a:pt x="903722" y="19914"/>
                        <a:pt x="915343" y="47919"/>
                      </a:cubicBezTo>
                      <a:cubicBezTo>
                        <a:pt x="917059" y="52301"/>
                        <a:pt x="922773" y="55539"/>
                        <a:pt x="927155" y="58397"/>
                      </a:cubicBezTo>
                      <a:cubicBezTo>
                        <a:pt x="994785" y="102405"/>
                        <a:pt x="1030980" y="101261"/>
                        <a:pt x="1097087" y="54777"/>
                      </a:cubicBezTo>
                      <a:cubicBezTo>
                        <a:pt x="1103945" y="50015"/>
                        <a:pt x="1118613" y="46585"/>
                        <a:pt x="1123185" y="50395"/>
                      </a:cubicBezTo>
                      <a:cubicBezTo>
                        <a:pt x="1162049" y="82020"/>
                        <a:pt x="1204532" y="78590"/>
                        <a:pt x="1249302" y="68684"/>
                      </a:cubicBezTo>
                      <a:cubicBezTo>
                        <a:pt x="1260922" y="66018"/>
                        <a:pt x="1277307" y="66018"/>
                        <a:pt x="1286069" y="72304"/>
                      </a:cubicBezTo>
                      <a:cubicBezTo>
                        <a:pt x="1327790" y="101451"/>
                        <a:pt x="1372560" y="97261"/>
                        <a:pt x="1417899" y="88688"/>
                      </a:cubicBezTo>
                      <a:cubicBezTo>
                        <a:pt x="1424948" y="87354"/>
                        <a:pt x="1433522" y="80114"/>
                        <a:pt x="1436568" y="73448"/>
                      </a:cubicBezTo>
                      <a:cubicBezTo>
                        <a:pt x="1447428" y="49825"/>
                        <a:pt x="1467813" y="41823"/>
                        <a:pt x="1490292" y="35154"/>
                      </a:cubicBezTo>
                      <a:cubicBezTo>
                        <a:pt x="1525727" y="24296"/>
                        <a:pt x="1560588" y="11532"/>
                        <a:pt x="1596213" y="1245"/>
                      </a:cubicBezTo>
                      <a:cubicBezTo>
                        <a:pt x="1604978" y="-1231"/>
                        <a:pt x="1615836" y="293"/>
                        <a:pt x="1624980" y="3150"/>
                      </a:cubicBezTo>
                      <a:cubicBezTo>
                        <a:pt x="1656223" y="12866"/>
                        <a:pt x="1676036" y="37251"/>
                        <a:pt x="1697753" y="59731"/>
                      </a:cubicBezTo>
                      <a:cubicBezTo>
                        <a:pt x="1707279" y="69638"/>
                        <a:pt x="1720423" y="76686"/>
                        <a:pt x="1733188" y="82400"/>
                      </a:cubicBezTo>
                      <a:cubicBezTo>
                        <a:pt x="1766335" y="97071"/>
                        <a:pt x="1800246" y="110215"/>
                        <a:pt x="1833775" y="124121"/>
                      </a:cubicBezTo>
                      <a:cubicBezTo>
                        <a:pt x="1837013" y="125455"/>
                        <a:pt x="1839679" y="128884"/>
                        <a:pt x="1842158" y="131742"/>
                      </a:cubicBezTo>
                      <a:cubicBezTo>
                        <a:pt x="1866922" y="161843"/>
                        <a:pt x="1891497" y="192132"/>
                        <a:pt x="1916454" y="222233"/>
                      </a:cubicBezTo>
                      <a:cubicBezTo>
                        <a:pt x="1921216" y="227947"/>
                        <a:pt x="1928076" y="232139"/>
                        <a:pt x="1933219" y="237663"/>
                      </a:cubicBezTo>
                      <a:cubicBezTo>
                        <a:pt x="1940459" y="245283"/>
                        <a:pt x="1949603" y="252524"/>
                        <a:pt x="1953413" y="261668"/>
                      </a:cubicBezTo>
                      <a:cubicBezTo>
                        <a:pt x="1965224" y="290433"/>
                        <a:pt x="1987894" y="302817"/>
                        <a:pt x="2016469" y="308151"/>
                      </a:cubicBezTo>
                      <a:cubicBezTo>
                        <a:pt x="2042570" y="313104"/>
                        <a:pt x="2068669" y="317296"/>
                        <a:pt x="2094578" y="323010"/>
                      </a:cubicBezTo>
                      <a:cubicBezTo>
                        <a:pt x="2126201" y="329868"/>
                        <a:pt x="2157636" y="337298"/>
                        <a:pt x="2188879" y="345681"/>
                      </a:cubicBezTo>
                      <a:cubicBezTo>
                        <a:pt x="2202404" y="349301"/>
                        <a:pt x="2216692" y="353491"/>
                        <a:pt x="2228314" y="360921"/>
                      </a:cubicBezTo>
                      <a:cubicBezTo>
                        <a:pt x="2260890" y="381496"/>
                        <a:pt x="2295753" y="395402"/>
                        <a:pt x="2334044" y="389878"/>
                      </a:cubicBezTo>
                      <a:cubicBezTo>
                        <a:pt x="2364715" y="385496"/>
                        <a:pt x="2390434" y="396736"/>
                        <a:pt x="2409485" y="414263"/>
                      </a:cubicBezTo>
                      <a:cubicBezTo>
                        <a:pt x="2444158" y="446078"/>
                        <a:pt x="2481305" y="438838"/>
                        <a:pt x="2518264" y="428552"/>
                      </a:cubicBezTo>
                      <a:cubicBezTo>
                        <a:pt x="2537315" y="423217"/>
                        <a:pt x="2552935" y="423979"/>
                        <a:pt x="2571034" y="429122"/>
                      </a:cubicBezTo>
                      <a:cubicBezTo>
                        <a:pt x="2612945" y="441124"/>
                        <a:pt x="2640950" y="473701"/>
                        <a:pt x="2668001" y="502276"/>
                      </a:cubicBezTo>
                      <a:cubicBezTo>
                        <a:pt x="2691054" y="526661"/>
                        <a:pt x="2716963" y="540377"/>
                        <a:pt x="2745348" y="550666"/>
                      </a:cubicBezTo>
                      <a:cubicBezTo>
                        <a:pt x="2781163" y="563810"/>
                        <a:pt x="2809548" y="558858"/>
                        <a:pt x="2826694" y="527233"/>
                      </a:cubicBezTo>
                      <a:cubicBezTo>
                        <a:pt x="2831457" y="518278"/>
                        <a:pt x="2839839" y="507800"/>
                        <a:pt x="2848793" y="505134"/>
                      </a:cubicBezTo>
                      <a:cubicBezTo>
                        <a:pt x="2892037" y="491800"/>
                        <a:pt x="2935854" y="472367"/>
                        <a:pt x="2982148" y="484179"/>
                      </a:cubicBezTo>
                      <a:cubicBezTo>
                        <a:pt x="3046158" y="500372"/>
                        <a:pt x="3108644" y="499420"/>
                        <a:pt x="3172654" y="483417"/>
                      </a:cubicBezTo>
                      <a:cubicBezTo>
                        <a:pt x="3276480" y="457508"/>
                        <a:pt x="3380305" y="430076"/>
                        <a:pt x="3489467" y="435790"/>
                      </a:cubicBezTo>
                      <a:cubicBezTo>
                        <a:pt x="3507563" y="436742"/>
                        <a:pt x="3529090" y="425121"/>
                        <a:pt x="3544713" y="413691"/>
                      </a:cubicBezTo>
                      <a:cubicBezTo>
                        <a:pt x="3574622" y="391974"/>
                        <a:pt x="3573288" y="390258"/>
                        <a:pt x="3606817" y="408167"/>
                      </a:cubicBezTo>
                      <a:cubicBezTo>
                        <a:pt x="3614819" y="412549"/>
                        <a:pt x="3624725" y="415215"/>
                        <a:pt x="3630632" y="421693"/>
                      </a:cubicBezTo>
                      <a:cubicBezTo>
                        <a:pt x="3660731" y="454650"/>
                        <a:pt x="3697880" y="446648"/>
                        <a:pt x="3734837" y="441886"/>
                      </a:cubicBezTo>
                      <a:cubicBezTo>
                        <a:pt x="3741315" y="440934"/>
                        <a:pt x="3749125" y="439600"/>
                        <a:pt x="3754652" y="442268"/>
                      </a:cubicBezTo>
                      <a:cubicBezTo>
                        <a:pt x="3779607" y="454268"/>
                        <a:pt x="3800753" y="450078"/>
                        <a:pt x="3822472" y="433694"/>
                      </a:cubicBezTo>
                      <a:cubicBezTo>
                        <a:pt x="3841331" y="419597"/>
                        <a:pt x="3863049" y="411215"/>
                        <a:pt x="3885338" y="428742"/>
                      </a:cubicBezTo>
                      <a:cubicBezTo>
                        <a:pt x="3934870" y="467605"/>
                        <a:pt x="3987829" y="469509"/>
                        <a:pt x="4043839" y="444934"/>
                      </a:cubicBezTo>
                      <a:cubicBezTo>
                        <a:pt x="4083845" y="427407"/>
                        <a:pt x="4123280" y="423407"/>
                        <a:pt x="4165383" y="441124"/>
                      </a:cubicBezTo>
                      <a:cubicBezTo>
                        <a:pt x="4181576" y="447982"/>
                        <a:pt x="4202531" y="443410"/>
                        <a:pt x="4221391" y="444934"/>
                      </a:cubicBezTo>
                      <a:cubicBezTo>
                        <a:pt x="4232060" y="445696"/>
                        <a:pt x="4243872" y="445886"/>
                        <a:pt x="4253014" y="450650"/>
                      </a:cubicBezTo>
                      <a:cubicBezTo>
                        <a:pt x="4277401" y="462843"/>
                        <a:pt x="4300070" y="478463"/>
                        <a:pt x="4324645" y="490466"/>
                      </a:cubicBezTo>
                      <a:cubicBezTo>
                        <a:pt x="4336457" y="496180"/>
                        <a:pt x="4350554" y="499228"/>
                        <a:pt x="4363890" y="499420"/>
                      </a:cubicBezTo>
                      <a:cubicBezTo>
                        <a:pt x="4403325" y="500372"/>
                        <a:pt x="4442761" y="500372"/>
                        <a:pt x="4482004" y="498658"/>
                      </a:cubicBezTo>
                      <a:cubicBezTo>
                        <a:pt x="4546776" y="495990"/>
                        <a:pt x="4612500" y="495418"/>
                        <a:pt x="4659174" y="438648"/>
                      </a:cubicBezTo>
                      <a:cubicBezTo>
                        <a:pt x="4662986" y="434076"/>
                        <a:pt x="4671176" y="431408"/>
                        <a:pt x="4677655" y="430646"/>
                      </a:cubicBezTo>
                      <a:cubicBezTo>
                        <a:pt x="4707564" y="427027"/>
                        <a:pt x="4738235" y="426645"/>
                        <a:pt x="4767764" y="420739"/>
                      </a:cubicBezTo>
                      <a:cubicBezTo>
                        <a:pt x="4791386" y="415977"/>
                        <a:pt x="4811009" y="417501"/>
                        <a:pt x="4828916" y="434266"/>
                      </a:cubicBezTo>
                      <a:cubicBezTo>
                        <a:pt x="4852348" y="456364"/>
                        <a:pt x="4880925" y="469319"/>
                        <a:pt x="4912168" y="462271"/>
                      </a:cubicBezTo>
                      <a:cubicBezTo>
                        <a:pt x="4943409" y="455412"/>
                        <a:pt x="4963984" y="470271"/>
                        <a:pt x="4987037" y="485703"/>
                      </a:cubicBezTo>
                      <a:cubicBezTo>
                        <a:pt x="5003801" y="496942"/>
                        <a:pt x="5022852" y="511040"/>
                        <a:pt x="5041521" y="512182"/>
                      </a:cubicBezTo>
                      <a:cubicBezTo>
                        <a:pt x="5083814" y="514658"/>
                        <a:pt x="5120201" y="553904"/>
                        <a:pt x="5166113" y="531615"/>
                      </a:cubicBezTo>
                      <a:cubicBezTo>
                        <a:pt x="5169161" y="530091"/>
                        <a:pt x="5174685" y="533901"/>
                        <a:pt x="5179067" y="534853"/>
                      </a:cubicBezTo>
                      <a:cubicBezTo>
                        <a:pt x="5214121" y="542093"/>
                        <a:pt x="5247078" y="535043"/>
                        <a:pt x="5272796" y="511230"/>
                      </a:cubicBezTo>
                      <a:cubicBezTo>
                        <a:pt x="5306516" y="480177"/>
                        <a:pt x="5343855" y="477129"/>
                        <a:pt x="5385384" y="487227"/>
                      </a:cubicBezTo>
                      <a:cubicBezTo>
                        <a:pt x="5398721" y="490466"/>
                        <a:pt x="5412057" y="492752"/>
                        <a:pt x="5425582" y="495418"/>
                      </a:cubicBezTo>
                      <a:cubicBezTo>
                        <a:pt x="5443870" y="499228"/>
                        <a:pt x="5462351" y="503230"/>
                        <a:pt x="5480637" y="507040"/>
                      </a:cubicBezTo>
                      <a:cubicBezTo>
                        <a:pt x="5498356" y="510850"/>
                        <a:pt x="5517979" y="517326"/>
                        <a:pt x="5531693" y="500944"/>
                      </a:cubicBezTo>
                      <a:cubicBezTo>
                        <a:pt x="5543506" y="486845"/>
                        <a:pt x="5551888" y="488179"/>
                        <a:pt x="5562746" y="500372"/>
                      </a:cubicBezTo>
                      <a:cubicBezTo>
                        <a:pt x="5600467" y="543045"/>
                        <a:pt x="5646189" y="569716"/>
                        <a:pt x="5704483" y="571620"/>
                      </a:cubicBezTo>
                      <a:cubicBezTo>
                        <a:pt x="5716485" y="572002"/>
                        <a:pt x="5728678" y="574668"/>
                        <a:pt x="5740488" y="577526"/>
                      </a:cubicBezTo>
                      <a:cubicBezTo>
                        <a:pt x="5747728" y="579241"/>
                        <a:pt x="5756493" y="581147"/>
                        <a:pt x="5760873" y="586291"/>
                      </a:cubicBezTo>
                      <a:cubicBezTo>
                        <a:pt x="5794974" y="625534"/>
                        <a:pt x="5837457" y="652777"/>
                        <a:pt x="5883751" y="674686"/>
                      </a:cubicBezTo>
                      <a:cubicBezTo>
                        <a:pt x="5900323" y="682496"/>
                        <a:pt x="5918042" y="690306"/>
                        <a:pt x="5935949" y="692592"/>
                      </a:cubicBezTo>
                      <a:cubicBezTo>
                        <a:pt x="5954617" y="694878"/>
                        <a:pt x="5974240" y="691068"/>
                        <a:pt x="5993291" y="688972"/>
                      </a:cubicBezTo>
                      <a:cubicBezTo>
                        <a:pt x="6004531" y="687830"/>
                        <a:pt x="6017485" y="688020"/>
                        <a:pt x="6026440" y="682496"/>
                      </a:cubicBezTo>
                      <a:cubicBezTo>
                        <a:pt x="6054825" y="665159"/>
                        <a:pt x="6082258" y="646491"/>
                        <a:pt x="6108738" y="626296"/>
                      </a:cubicBezTo>
                      <a:cubicBezTo>
                        <a:pt x="6131409" y="608960"/>
                        <a:pt x="6135981" y="606483"/>
                        <a:pt x="6155602" y="628202"/>
                      </a:cubicBezTo>
                      <a:cubicBezTo>
                        <a:pt x="6175797" y="650491"/>
                        <a:pt x="6200944" y="662111"/>
                        <a:pt x="6228756" y="666873"/>
                      </a:cubicBezTo>
                      <a:cubicBezTo>
                        <a:pt x="6272764" y="674304"/>
                        <a:pt x="6317151" y="680590"/>
                        <a:pt x="6361539" y="684210"/>
                      </a:cubicBezTo>
                      <a:cubicBezTo>
                        <a:pt x="6401736" y="687448"/>
                        <a:pt x="6420977" y="669922"/>
                        <a:pt x="6428979" y="630106"/>
                      </a:cubicBezTo>
                      <a:cubicBezTo>
                        <a:pt x="6433551" y="608007"/>
                        <a:pt x="6439458" y="584003"/>
                        <a:pt x="6463840" y="578098"/>
                      </a:cubicBezTo>
                      <a:cubicBezTo>
                        <a:pt x="6503658" y="568572"/>
                        <a:pt x="6544997" y="564382"/>
                        <a:pt x="6564620" y="517708"/>
                      </a:cubicBezTo>
                      <a:cubicBezTo>
                        <a:pt x="6575478" y="527995"/>
                        <a:pt x="6582146" y="534091"/>
                        <a:pt x="6588625" y="540187"/>
                      </a:cubicBezTo>
                      <a:cubicBezTo>
                        <a:pt x="6606531" y="557142"/>
                        <a:pt x="6643678" y="564382"/>
                        <a:pt x="6662541" y="549714"/>
                      </a:cubicBezTo>
                      <a:cubicBezTo>
                        <a:pt x="6690354" y="528377"/>
                        <a:pt x="6715883" y="532377"/>
                        <a:pt x="6742552" y="548952"/>
                      </a:cubicBezTo>
                      <a:cubicBezTo>
                        <a:pt x="6764841" y="562668"/>
                        <a:pt x="6788417" y="567954"/>
                        <a:pt x="6812063" y="568430"/>
                      </a:cubicBezTo>
                      <a:lnTo>
                        <a:pt x="6858001" y="562267"/>
                      </a:lnTo>
                      <a:lnTo>
                        <a:pt x="6858001" y="734520"/>
                      </a:lnTo>
                      <a:lnTo>
                        <a:pt x="6815516" y="744220"/>
                      </a:lnTo>
                      <a:cubicBezTo>
                        <a:pt x="6793035" y="749744"/>
                        <a:pt x="6771319" y="759651"/>
                        <a:pt x="6748458" y="763271"/>
                      </a:cubicBezTo>
                      <a:cubicBezTo>
                        <a:pt x="6694164" y="771843"/>
                        <a:pt x="6639488" y="777939"/>
                        <a:pt x="6584812" y="784797"/>
                      </a:cubicBezTo>
                      <a:cubicBezTo>
                        <a:pt x="6528424" y="791846"/>
                        <a:pt x="6472225" y="799276"/>
                        <a:pt x="6415833" y="805562"/>
                      </a:cubicBezTo>
                      <a:cubicBezTo>
                        <a:pt x="6384972" y="808802"/>
                        <a:pt x="6353919" y="809372"/>
                        <a:pt x="6323058" y="812420"/>
                      </a:cubicBezTo>
                      <a:cubicBezTo>
                        <a:pt x="6296005" y="815088"/>
                        <a:pt x="6269144" y="820041"/>
                        <a:pt x="6242093" y="823281"/>
                      </a:cubicBezTo>
                      <a:cubicBezTo>
                        <a:pt x="6218660" y="825947"/>
                        <a:pt x="6195037" y="827471"/>
                        <a:pt x="6171605" y="830139"/>
                      </a:cubicBezTo>
                      <a:cubicBezTo>
                        <a:pt x="6134075" y="834519"/>
                        <a:pt x="6096736" y="839473"/>
                        <a:pt x="6059397" y="844045"/>
                      </a:cubicBezTo>
                      <a:cubicBezTo>
                        <a:pt x="6043776" y="845759"/>
                        <a:pt x="6027392" y="850522"/>
                        <a:pt x="6012723" y="847665"/>
                      </a:cubicBezTo>
                      <a:cubicBezTo>
                        <a:pt x="5975764" y="840425"/>
                        <a:pt x="5939377" y="842521"/>
                        <a:pt x="5902610" y="847473"/>
                      </a:cubicBezTo>
                      <a:cubicBezTo>
                        <a:pt x="5890037" y="849190"/>
                        <a:pt x="5876511" y="848808"/>
                        <a:pt x="5864318" y="845569"/>
                      </a:cubicBezTo>
                      <a:cubicBezTo>
                        <a:pt x="5839361" y="839091"/>
                        <a:pt x="5815169" y="829947"/>
                        <a:pt x="5790592" y="821947"/>
                      </a:cubicBezTo>
                      <a:cubicBezTo>
                        <a:pt x="5787924" y="820995"/>
                        <a:pt x="5784686" y="820803"/>
                        <a:pt x="5781830" y="820233"/>
                      </a:cubicBezTo>
                      <a:cubicBezTo>
                        <a:pt x="5765635" y="816992"/>
                        <a:pt x="5749634" y="813754"/>
                        <a:pt x="5733440" y="810896"/>
                      </a:cubicBezTo>
                      <a:cubicBezTo>
                        <a:pt x="5724678" y="809372"/>
                        <a:pt x="5715723" y="809182"/>
                        <a:pt x="5706959" y="807848"/>
                      </a:cubicBezTo>
                      <a:cubicBezTo>
                        <a:pt x="5673050" y="802514"/>
                        <a:pt x="5635711" y="811468"/>
                        <a:pt x="5606372" y="788417"/>
                      </a:cubicBezTo>
                      <a:cubicBezTo>
                        <a:pt x="5587321" y="773557"/>
                        <a:pt x="5568842" y="776987"/>
                        <a:pt x="5548460" y="779273"/>
                      </a:cubicBezTo>
                      <a:cubicBezTo>
                        <a:pt x="5533027" y="780987"/>
                        <a:pt x="5517215" y="780415"/>
                        <a:pt x="5501594" y="780607"/>
                      </a:cubicBezTo>
                      <a:cubicBezTo>
                        <a:pt x="5474161" y="781177"/>
                        <a:pt x="5446728" y="781369"/>
                        <a:pt x="5419295" y="782321"/>
                      </a:cubicBezTo>
                      <a:cubicBezTo>
                        <a:pt x="5410531" y="782701"/>
                        <a:pt x="5401579" y="787465"/>
                        <a:pt x="5393005" y="786703"/>
                      </a:cubicBezTo>
                      <a:cubicBezTo>
                        <a:pt x="5353379" y="783083"/>
                        <a:pt x="5313754" y="777367"/>
                        <a:pt x="5274129" y="774129"/>
                      </a:cubicBezTo>
                      <a:cubicBezTo>
                        <a:pt x="5251650" y="772225"/>
                        <a:pt x="5228597" y="775843"/>
                        <a:pt x="5206308" y="773177"/>
                      </a:cubicBezTo>
                      <a:cubicBezTo>
                        <a:pt x="5180591" y="770129"/>
                        <a:pt x="5155445" y="762319"/>
                        <a:pt x="5129916" y="757554"/>
                      </a:cubicBezTo>
                      <a:cubicBezTo>
                        <a:pt x="5122867" y="756222"/>
                        <a:pt x="5115057" y="757936"/>
                        <a:pt x="5107627" y="758316"/>
                      </a:cubicBezTo>
                      <a:cubicBezTo>
                        <a:pt x="5099245" y="758699"/>
                        <a:pt x="5091052" y="759461"/>
                        <a:pt x="5082670" y="759651"/>
                      </a:cubicBezTo>
                      <a:cubicBezTo>
                        <a:pt x="5057141" y="760033"/>
                        <a:pt x="5031614" y="759461"/>
                        <a:pt x="5006086" y="760795"/>
                      </a:cubicBezTo>
                      <a:cubicBezTo>
                        <a:pt x="4990465" y="761557"/>
                        <a:pt x="4974082" y="769367"/>
                        <a:pt x="4959602" y="766509"/>
                      </a:cubicBezTo>
                      <a:cubicBezTo>
                        <a:pt x="4930075" y="760985"/>
                        <a:pt x="4900546" y="773367"/>
                        <a:pt x="4871019" y="763081"/>
                      </a:cubicBezTo>
                      <a:cubicBezTo>
                        <a:pt x="4861873" y="760033"/>
                        <a:pt x="4849300" y="767653"/>
                        <a:pt x="4838250" y="768033"/>
                      </a:cubicBezTo>
                      <a:cubicBezTo>
                        <a:pt x="4810627" y="768985"/>
                        <a:pt x="4783004" y="768795"/>
                        <a:pt x="4755381" y="768605"/>
                      </a:cubicBezTo>
                      <a:cubicBezTo>
                        <a:pt x="4730614" y="768415"/>
                        <a:pt x="4704895" y="771081"/>
                        <a:pt x="4681083" y="765747"/>
                      </a:cubicBezTo>
                      <a:cubicBezTo>
                        <a:pt x="4656126" y="760033"/>
                        <a:pt x="4633647" y="760795"/>
                        <a:pt x="4609452" y="767271"/>
                      </a:cubicBezTo>
                      <a:cubicBezTo>
                        <a:pt x="4592878" y="771653"/>
                        <a:pt x="4575351" y="772225"/>
                        <a:pt x="4558207" y="773557"/>
                      </a:cubicBezTo>
                      <a:cubicBezTo>
                        <a:pt x="4539728" y="775081"/>
                        <a:pt x="4519343" y="771081"/>
                        <a:pt x="4502579" y="777367"/>
                      </a:cubicBezTo>
                      <a:cubicBezTo>
                        <a:pt x="4452665" y="796038"/>
                        <a:pt x="4401419" y="800038"/>
                        <a:pt x="4349222" y="800038"/>
                      </a:cubicBezTo>
                      <a:cubicBezTo>
                        <a:pt x="4339695" y="800038"/>
                        <a:pt x="4329979" y="797372"/>
                        <a:pt x="4320837" y="794514"/>
                      </a:cubicBezTo>
                      <a:cubicBezTo>
                        <a:pt x="4267493" y="777367"/>
                        <a:pt x="4213961" y="778891"/>
                        <a:pt x="4159667" y="789370"/>
                      </a:cubicBezTo>
                      <a:cubicBezTo>
                        <a:pt x="4148427" y="791656"/>
                        <a:pt x="4135854" y="792038"/>
                        <a:pt x="4124614" y="789752"/>
                      </a:cubicBezTo>
                      <a:cubicBezTo>
                        <a:pt x="4092989" y="783083"/>
                        <a:pt x="4062318" y="772033"/>
                        <a:pt x="4030503" y="767271"/>
                      </a:cubicBezTo>
                      <a:cubicBezTo>
                        <a:pt x="3977925" y="759461"/>
                        <a:pt x="3932394" y="785749"/>
                        <a:pt x="3885338" y="802896"/>
                      </a:cubicBezTo>
                      <a:cubicBezTo>
                        <a:pt x="3840569" y="819089"/>
                        <a:pt x="3802467" y="855666"/>
                        <a:pt x="3749506" y="847473"/>
                      </a:cubicBezTo>
                      <a:cubicBezTo>
                        <a:pt x="3744173" y="846711"/>
                        <a:pt x="3738267" y="851856"/>
                        <a:pt x="3732361" y="853190"/>
                      </a:cubicBezTo>
                      <a:cubicBezTo>
                        <a:pt x="3716168" y="856810"/>
                        <a:pt x="3699976" y="861190"/>
                        <a:pt x="3683591" y="862906"/>
                      </a:cubicBezTo>
                      <a:cubicBezTo>
                        <a:pt x="3663589" y="865192"/>
                        <a:pt x="3643204" y="864430"/>
                        <a:pt x="3623201" y="866334"/>
                      </a:cubicBezTo>
                      <a:cubicBezTo>
                        <a:pt x="3597482" y="868620"/>
                        <a:pt x="3572146" y="874716"/>
                        <a:pt x="3546617" y="874716"/>
                      </a:cubicBezTo>
                      <a:cubicBezTo>
                        <a:pt x="3526042" y="874716"/>
                        <a:pt x="3505657" y="867668"/>
                        <a:pt x="3485275" y="864238"/>
                      </a:cubicBezTo>
                      <a:cubicBezTo>
                        <a:pt x="3456508" y="859476"/>
                        <a:pt x="3424883" y="860810"/>
                        <a:pt x="3399546" y="848618"/>
                      </a:cubicBezTo>
                      <a:cubicBezTo>
                        <a:pt x="3372495" y="835663"/>
                        <a:pt x="3346776" y="829757"/>
                        <a:pt x="3318771" y="833757"/>
                      </a:cubicBezTo>
                      <a:cubicBezTo>
                        <a:pt x="3309437" y="835091"/>
                        <a:pt x="3297434" y="843093"/>
                        <a:pt x="3293244" y="851284"/>
                      </a:cubicBezTo>
                      <a:cubicBezTo>
                        <a:pt x="3283908" y="869572"/>
                        <a:pt x="3271145" y="872812"/>
                        <a:pt x="3253809" y="866524"/>
                      </a:cubicBezTo>
                      <a:cubicBezTo>
                        <a:pt x="3238758" y="861190"/>
                        <a:pt x="3220280" y="858524"/>
                        <a:pt x="3209993" y="848235"/>
                      </a:cubicBezTo>
                      <a:cubicBezTo>
                        <a:pt x="3180844" y="819089"/>
                        <a:pt x="3143695" y="818136"/>
                        <a:pt x="3107500" y="810326"/>
                      </a:cubicBezTo>
                      <a:cubicBezTo>
                        <a:pt x="3085403" y="805562"/>
                        <a:pt x="3064827" y="805372"/>
                        <a:pt x="3042728" y="808610"/>
                      </a:cubicBezTo>
                      <a:cubicBezTo>
                        <a:pt x="2994722" y="815850"/>
                        <a:pt x="2948047" y="805562"/>
                        <a:pt x="2901943" y="792418"/>
                      </a:cubicBezTo>
                      <a:cubicBezTo>
                        <a:pt x="2871462" y="783655"/>
                        <a:pt x="2840219" y="778321"/>
                        <a:pt x="2809930" y="769367"/>
                      </a:cubicBezTo>
                      <a:cubicBezTo>
                        <a:pt x="2787259" y="762509"/>
                        <a:pt x="2764590" y="754316"/>
                        <a:pt x="2743826" y="743268"/>
                      </a:cubicBezTo>
                      <a:cubicBezTo>
                        <a:pt x="2713723" y="727073"/>
                        <a:pt x="2687436" y="702689"/>
                        <a:pt x="2649143" y="709167"/>
                      </a:cubicBezTo>
                      <a:cubicBezTo>
                        <a:pt x="2615421" y="714881"/>
                        <a:pt x="2584942" y="702881"/>
                        <a:pt x="2554079" y="691450"/>
                      </a:cubicBezTo>
                      <a:cubicBezTo>
                        <a:pt x="2531409" y="683068"/>
                        <a:pt x="2508742" y="674494"/>
                        <a:pt x="2485307" y="669160"/>
                      </a:cubicBezTo>
                      <a:cubicBezTo>
                        <a:pt x="2457492" y="662873"/>
                        <a:pt x="2426059" y="665541"/>
                        <a:pt x="2401292" y="653919"/>
                      </a:cubicBezTo>
                      <a:cubicBezTo>
                        <a:pt x="2375383" y="641727"/>
                        <a:pt x="2353859" y="649919"/>
                        <a:pt x="2330806" y="653349"/>
                      </a:cubicBezTo>
                      <a:cubicBezTo>
                        <a:pt x="2294039" y="658683"/>
                        <a:pt x="2257459" y="668590"/>
                        <a:pt x="2220312" y="656015"/>
                      </a:cubicBezTo>
                      <a:cubicBezTo>
                        <a:pt x="2175163" y="640775"/>
                        <a:pt x="2130393" y="624392"/>
                        <a:pt x="2085054" y="609914"/>
                      </a:cubicBezTo>
                      <a:cubicBezTo>
                        <a:pt x="2067525" y="604387"/>
                        <a:pt x="2048668" y="602101"/>
                        <a:pt x="2030378" y="599625"/>
                      </a:cubicBezTo>
                      <a:cubicBezTo>
                        <a:pt x="2013043" y="597529"/>
                        <a:pt x="1992279" y="602863"/>
                        <a:pt x="1978940" y="594863"/>
                      </a:cubicBezTo>
                      <a:cubicBezTo>
                        <a:pt x="1944649" y="574288"/>
                        <a:pt x="1909408" y="564192"/>
                        <a:pt x="1869780" y="564192"/>
                      </a:cubicBezTo>
                      <a:cubicBezTo>
                        <a:pt x="1854920" y="564192"/>
                        <a:pt x="1840441" y="555618"/>
                        <a:pt x="1825393" y="554094"/>
                      </a:cubicBezTo>
                      <a:cubicBezTo>
                        <a:pt x="1804816" y="552190"/>
                        <a:pt x="1781194" y="547045"/>
                        <a:pt x="1763287" y="554286"/>
                      </a:cubicBezTo>
                      <a:cubicBezTo>
                        <a:pt x="1721185" y="571430"/>
                        <a:pt x="1687086" y="557142"/>
                        <a:pt x="1650317" y="540187"/>
                      </a:cubicBezTo>
                      <a:cubicBezTo>
                        <a:pt x="1614120" y="523423"/>
                        <a:pt x="1576019" y="510088"/>
                        <a:pt x="1537537" y="499038"/>
                      </a:cubicBezTo>
                      <a:cubicBezTo>
                        <a:pt x="1523059" y="495038"/>
                        <a:pt x="1505724" y="501706"/>
                        <a:pt x="1489720" y="503038"/>
                      </a:cubicBezTo>
                      <a:cubicBezTo>
                        <a:pt x="1484004" y="503420"/>
                        <a:pt x="1477717" y="503992"/>
                        <a:pt x="1472575" y="502086"/>
                      </a:cubicBezTo>
                      <a:cubicBezTo>
                        <a:pt x="1422854" y="483797"/>
                        <a:pt x="1372368" y="469891"/>
                        <a:pt x="1318456" y="479415"/>
                      </a:cubicBezTo>
                      <a:cubicBezTo>
                        <a:pt x="1313504" y="480369"/>
                        <a:pt x="1307978" y="478273"/>
                        <a:pt x="1303024" y="476939"/>
                      </a:cubicBezTo>
                      <a:cubicBezTo>
                        <a:pt x="1278829" y="470081"/>
                        <a:pt x="1255206" y="459223"/>
                        <a:pt x="1230633" y="456746"/>
                      </a:cubicBezTo>
                      <a:cubicBezTo>
                        <a:pt x="1170051" y="450650"/>
                        <a:pt x="1109091" y="448172"/>
                        <a:pt x="1048125" y="444172"/>
                      </a:cubicBezTo>
                      <a:cubicBezTo>
                        <a:pt x="1044315" y="443982"/>
                        <a:pt x="1040315" y="443982"/>
                        <a:pt x="1036887" y="442648"/>
                      </a:cubicBezTo>
                      <a:cubicBezTo>
                        <a:pt x="1014406" y="434456"/>
                        <a:pt x="994785" y="437124"/>
                        <a:pt x="975733" y="452744"/>
                      </a:cubicBezTo>
                      <a:cubicBezTo>
                        <a:pt x="967350" y="459603"/>
                        <a:pt x="955920" y="463223"/>
                        <a:pt x="945444" y="467033"/>
                      </a:cubicBezTo>
                      <a:cubicBezTo>
                        <a:pt x="930011" y="472749"/>
                        <a:pt x="914200" y="478273"/>
                        <a:pt x="898198" y="481893"/>
                      </a:cubicBezTo>
                      <a:cubicBezTo>
                        <a:pt x="882384" y="485321"/>
                        <a:pt x="865430" y="490084"/>
                        <a:pt x="850189" y="487417"/>
                      </a:cubicBezTo>
                      <a:cubicBezTo>
                        <a:pt x="822756" y="482655"/>
                        <a:pt x="796655" y="471987"/>
                        <a:pt x="769605" y="464937"/>
                      </a:cubicBezTo>
                      <a:cubicBezTo>
                        <a:pt x="760270" y="462461"/>
                        <a:pt x="749982" y="462843"/>
                        <a:pt x="740268" y="462651"/>
                      </a:cubicBezTo>
                      <a:cubicBezTo>
                        <a:pt x="717977" y="462081"/>
                        <a:pt x="695116" y="467605"/>
                        <a:pt x="674923" y="451792"/>
                      </a:cubicBezTo>
                      <a:cubicBezTo>
                        <a:pt x="656255" y="436934"/>
                        <a:pt x="637392" y="441314"/>
                        <a:pt x="617772" y="452554"/>
                      </a:cubicBezTo>
                      <a:cubicBezTo>
                        <a:pt x="603673" y="460557"/>
                        <a:pt x="587672" y="466843"/>
                        <a:pt x="571860" y="469891"/>
                      </a:cubicBezTo>
                      <a:cubicBezTo>
                        <a:pt x="550141" y="474081"/>
                        <a:pt x="528615" y="475797"/>
                        <a:pt x="505182" y="473319"/>
                      </a:cubicBezTo>
                      <a:cubicBezTo>
                        <a:pt x="488607" y="471605"/>
                        <a:pt x="475081" y="470843"/>
                        <a:pt x="462126" y="460747"/>
                      </a:cubicBezTo>
                      <a:cubicBezTo>
                        <a:pt x="460032" y="459223"/>
                        <a:pt x="456222" y="458841"/>
                        <a:pt x="453364" y="459033"/>
                      </a:cubicBezTo>
                      <a:cubicBezTo>
                        <a:pt x="415835" y="462271"/>
                        <a:pt x="378686" y="460557"/>
                        <a:pt x="340774" y="458268"/>
                      </a:cubicBezTo>
                      <a:cubicBezTo>
                        <a:pt x="292579" y="455222"/>
                        <a:pt x="241901" y="464175"/>
                        <a:pt x="200182" y="496180"/>
                      </a:cubicBezTo>
                      <a:cubicBezTo>
                        <a:pt x="194085" y="500944"/>
                        <a:pt x="184941" y="503038"/>
                        <a:pt x="176939" y="504182"/>
                      </a:cubicBezTo>
                      <a:cubicBezTo>
                        <a:pt x="139219" y="509134"/>
                        <a:pt x="101308" y="512564"/>
                        <a:pt x="63587" y="518088"/>
                      </a:cubicBezTo>
                      <a:cubicBezTo>
                        <a:pt x="43012" y="521137"/>
                        <a:pt x="21486" y="523805"/>
                        <a:pt x="2817" y="532187"/>
                      </a:cubicBezTo>
                      <a:lnTo>
                        <a:pt x="0" y="533314"/>
                      </a:lnTo>
                      <a:close/>
                    </a:path>
                  </a:pathLst>
                </a:custGeom>
                <a:grpFill/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21" name="Freeform: Shape 20">
                  <a:extLst>
                    <a:ext uri="{FF2B5EF4-FFF2-40B4-BE49-F238E27FC236}">
                      <a16:creationId xmlns:a16="http://schemas.microsoft.com/office/drawing/2014/main" id="{F8841A98-AA1D-4F65-A368-EF31110B07CD}"/>
                    </a:ext>
                    <a:ext uri="{C183D7F6-B498-43B3-948B-1728B52AA6E4}">
                      <adec:decorative xmlns:adec="http://schemas.microsoft.com/office/drawing/2017/decorative" val="1"/>
                    </a:ext>
                  </a:extLst>
                </p:cNvPr>
                <p:cNvSpPr/>
                <p:nvPr>
                  <p:extLst>
                    <p:ext uri="{386F3935-93C4-4BCD-93E2-E3B085C9AB24}">
                      <p16:designElem xmlns:p16="http://schemas.microsoft.com/office/powerpoint/2015/main" val="1"/>
                    </p:ext>
                  </p:extLst>
                </p:nvPr>
              </p:nvSpPr>
              <p:spPr>
                <a:xfrm rot="16200000" flipH="1">
                  <a:off x="715166" y="2991642"/>
                  <a:ext cx="6858001" cy="874716"/>
                </a:xfrm>
                <a:custGeom>
                  <a:avLst/>
                  <a:gdLst>
                    <a:gd name="connsiteX0" fmla="*/ 0 w 6858001"/>
                    <a:gd name="connsiteY0" fmla="*/ 533314 h 874716"/>
                    <a:gd name="connsiteX1" fmla="*/ 0 w 6858001"/>
                    <a:gd name="connsiteY1" fmla="*/ 69206 h 874716"/>
                    <a:gd name="connsiteX2" fmla="*/ 21486 w 6858001"/>
                    <a:gd name="connsiteY2" fmla="*/ 71924 h 874716"/>
                    <a:gd name="connsiteX3" fmla="*/ 228948 w 6858001"/>
                    <a:gd name="connsiteY3" fmla="*/ 88116 h 874716"/>
                    <a:gd name="connsiteX4" fmla="*/ 313533 w 6858001"/>
                    <a:gd name="connsiteY4" fmla="*/ 62779 h 874716"/>
                    <a:gd name="connsiteX5" fmla="*/ 338870 w 6858001"/>
                    <a:gd name="connsiteY5" fmla="*/ 62207 h 874716"/>
                    <a:gd name="connsiteX6" fmla="*/ 395640 w 6858001"/>
                    <a:gd name="connsiteY6" fmla="*/ 72114 h 874716"/>
                    <a:gd name="connsiteX7" fmla="*/ 512802 w 6858001"/>
                    <a:gd name="connsiteY7" fmla="*/ 65446 h 874716"/>
                    <a:gd name="connsiteX8" fmla="*/ 556047 w 6858001"/>
                    <a:gd name="connsiteY8" fmla="*/ 55349 h 874716"/>
                    <a:gd name="connsiteX9" fmla="*/ 580050 w 6858001"/>
                    <a:gd name="connsiteY9" fmla="*/ 48871 h 874716"/>
                    <a:gd name="connsiteX10" fmla="*/ 703308 w 6858001"/>
                    <a:gd name="connsiteY10" fmla="*/ 30964 h 874716"/>
                    <a:gd name="connsiteX11" fmla="*/ 758174 w 6858001"/>
                    <a:gd name="connsiteY11" fmla="*/ 11724 h 874716"/>
                    <a:gd name="connsiteX12" fmla="*/ 773035 w 6858001"/>
                    <a:gd name="connsiteY12" fmla="*/ 8866 h 874716"/>
                    <a:gd name="connsiteX13" fmla="*/ 854379 w 6858001"/>
                    <a:gd name="connsiteY13" fmla="*/ 16866 h 874716"/>
                    <a:gd name="connsiteX14" fmla="*/ 915343 w 6858001"/>
                    <a:gd name="connsiteY14" fmla="*/ 47919 h 874716"/>
                    <a:gd name="connsiteX15" fmla="*/ 927155 w 6858001"/>
                    <a:gd name="connsiteY15" fmla="*/ 58397 h 874716"/>
                    <a:gd name="connsiteX16" fmla="*/ 1097087 w 6858001"/>
                    <a:gd name="connsiteY16" fmla="*/ 54777 h 874716"/>
                    <a:gd name="connsiteX17" fmla="*/ 1123185 w 6858001"/>
                    <a:gd name="connsiteY17" fmla="*/ 50395 h 874716"/>
                    <a:gd name="connsiteX18" fmla="*/ 1249302 w 6858001"/>
                    <a:gd name="connsiteY18" fmla="*/ 68684 h 874716"/>
                    <a:gd name="connsiteX19" fmla="*/ 1286069 w 6858001"/>
                    <a:gd name="connsiteY19" fmla="*/ 72304 h 874716"/>
                    <a:gd name="connsiteX20" fmla="*/ 1417899 w 6858001"/>
                    <a:gd name="connsiteY20" fmla="*/ 88688 h 874716"/>
                    <a:gd name="connsiteX21" fmla="*/ 1436568 w 6858001"/>
                    <a:gd name="connsiteY21" fmla="*/ 73448 h 874716"/>
                    <a:gd name="connsiteX22" fmla="*/ 1490292 w 6858001"/>
                    <a:gd name="connsiteY22" fmla="*/ 35154 h 874716"/>
                    <a:gd name="connsiteX23" fmla="*/ 1596213 w 6858001"/>
                    <a:gd name="connsiteY23" fmla="*/ 1245 h 874716"/>
                    <a:gd name="connsiteX24" fmla="*/ 1624980 w 6858001"/>
                    <a:gd name="connsiteY24" fmla="*/ 3150 h 874716"/>
                    <a:gd name="connsiteX25" fmla="*/ 1697753 w 6858001"/>
                    <a:gd name="connsiteY25" fmla="*/ 59731 h 874716"/>
                    <a:gd name="connsiteX26" fmla="*/ 1733188 w 6858001"/>
                    <a:gd name="connsiteY26" fmla="*/ 82400 h 874716"/>
                    <a:gd name="connsiteX27" fmla="*/ 1833775 w 6858001"/>
                    <a:gd name="connsiteY27" fmla="*/ 124121 h 874716"/>
                    <a:gd name="connsiteX28" fmla="*/ 1842158 w 6858001"/>
                    <a:gd name="connsiteY28" fmla="*/ 131742 h 874716"/>
                    <a:gd name="connsiteX29" fmla="*/ 1916454 w 6858001"/>
                    <a:gd name="connsiteY29" fmla="*/ 222233 h 874716"/>
                    <a:gd name="connsiteX30" fmla="*/ 1933219 w 6858001"/>
                    <a:gd name="connsiteY30" fmla="*/ 237663 h 874716"/>
                    <a:gd name="connsiteX31" fmla="*/ 1953413 w 6858001"/>
                    <a:gd name="connsiteY31" fmla="*/ 261668 h 874716"/>
                    <a:gd name="connsiteX32" fmla="*/ 2016469 w 6858001"/>
                    <a:gd name="connsiteY32" fmla="*/ 308151 h 874716"/>
                    <a:gd name="connsiteX33" fmla="*/ 2094578 w 6858001"/>
                    <a:gd name="connsiteY33" fmla="*/ 323010 h 874716"/>
                    <a:gd name="connsiteX34" fmla="*/ 2188879 w 6858001"/>
                    <a:gd name="connsiteY34" fmla="*/ 345681 h 874716"/>
                    <a:gd name="connsiteX35" fmla="*/ 2228314 w 6858001"/>
                    <a:gd name="connsiteY35" fmla="*/ 360921 h 874716"/>
                    <a:gd name="connsiteX36" fmla="*/ 2334044 w 6858001"/>
                    <a:gd name="connsiteY36" fmla="*/ 389878 h 874716"/>
                    <a:gd name="connsiteX37" fmla="*/ 2409485 w 6858001"/>
                    <a:gd name="connsiteY37" fmla="*/ 414263 h 874716"/>
                    <a:gd name="connsiteX38" fmla="*/ 2518264 w 6858001"/>
                    <a:gd name="connsiteY38" fmla="*/ 428552 h 874716"/>
                    <a:gd name="connsiteX39" fmla="*/ 2571034 w 6858001"/>
                    <a:gd name="connsiteY39" fmla="*/ 429122 h 874716"/>
                    <a:gd name="connsiteX40" fmla="*/ 2668001 w 6858001"/>
                    <a:gd name="connsiteY40" fmla="*/ 502276 h 874716"/>
                    <a:gd name="connsiteX41" fmla="*/ 2745348 w 6858001"/>
                    <a:gd name="connsiteY41" fmla="*/ 550666 h 874716"/>
                    <a:gd name="connsiteX42" fmla="*/ 2826694 w 6858001"/>
                    <a:gd name="connsiteY42" fmla="*/ 527233 h 874716"/>
                    <a:gd name="connsiteX43" fmla="*/ 2848793 w 6858001"/>
                    <a:gd name="connsiteY43" fmla="*/ 505134 h 874716"/>
                    <a:gd name="connsiteX44" fmla="*/ 2982148 w 6858001"/>
                    <a:gd name="connsiteY44" fmla="*/ 484179 h 874716"/>
                    <a:gd name="connsiteX45" fmla="*/ 3172654 w 6858001"/>
                    <a:gd name="connsiteY45" fmla="*/ 483417 h 874716"/>
                    <a:gd name="connsiteX46" fmla="*/ 3489467 w 6858001"/>
                    <a:gd name="connsiteY46" fmla="*/ 435790 h 874716"/>
                    <a:gd name="connsiteX47" fmla="*/ 3544713 w 6858001"/>
                    <a:gd name="connsiteY47" fmla="*/ 413691 h 874716"/>
                    <a:gd name="connsiteX48" fmla="*/ 3606817 w 6858001"/>
                    <a:gd name="connsiteY48" fmla="*/ 408167 h 874716"/>
                    <a:gd name="connsiteX49" fmla="*/ 3630632 w 6858001"/>
                    <a:gd name="connsiteY49" fmla="*/ 421693 h 874716"/>
                    <a:gd name="connsiteX50" fmla="*/ 3734837 w 6858001"/>
                    <a:gd name="connsiteY50" fmla="*/ 441886 h 874716"/>
                    <a:gd name="connsiteX51" fmla="*/ 3754652 w 6858001"/>
                    <a:gd name="connsiteY51" fmla="*/ 442268 h 874716"/>
                    <a:gd name="connsiteX52" fmla="*/ 3822472 w 6858001"/>
                    <a:gd name="connsiteY52" fmla="*/ 433694 h 874716"/>
                    <a:gd name="connsiteX53" fmla="*/ 3885338 w 6858001"/>
                    <a:gd name="connsiteY53" fmla="*/ 428742 h 874716"/>
                    <a:gd name="connsiteX54" fmla="*/ 4043839 w 6858001"/>
                    <a:gd name="connsiteY54" fmla="*/ 444934 h 874716"/>
                    <a:gd name="connsiteX55" fmla="*/ 4165383 w 6858001"/>
                    <a:gd name="connsiteY55" fmla="*/ 441124 h 874716"/>
                    <a:gd name="connsiteX56" fmla="*/ 4221391 w 6858001"/>
                    <a:gd name="connsiteY56" fmla="*/ 444934 h 874716"/>
                    <a:gd name="connsiteX57" fmla="*/ 4253014 w 6858001"/>
                    <a:gd name="connsiteY57" fmla="*/ 450650 h 874716"/>
                    <a:gd name="connsiteX58" fmla="*/ 4324645 w 6858001"/>
                    <a:gd name="connsiteY58" fmla="*/ 490466 h 874716"/>
                    <a:gd name="connsiteX59" fmla="*/ 4363890 w 6858001"/>
                    <a:gd name="connsiteY59" fmla="*/ 499420 h 874716"/>
                    <a:gd name="connsiteX60" fmla="*/ 4482004 w 6858001"/>
                    <a:gd name="connsiteY60" fmla="*/ 498658 h 874716"/>
                    <a:gd name="connsiteX61" fmla="*/ 4659174 w 6858001"/>
                    <a:gd name="connsiteY61" fmla="*/ 438648 h 874716"/>
                    <a:gd name="connsiteX62" fmla="*/ 4677655 w 6858001"/>
                    <a:gd name="connsiteY62" fmla="*/ 430646 h 874716"/>
                    <a:gd name="connsiteX63" fmla="*/ 4767764 w 6858001"/>
                    <a:gd name="connsiteY63" fmla="*/ 420739 h 874716"/>
                    <a:gd name="connsiteX64" fmla="*/ 4828916 w 6858001"/>
                    <a:gd name="connsiteY64" fmla="*/ 434266 h 874716"/>
                    <a:gd name="connsiteX65" fmla="*/ 4912168 w 6858001"/>
                    <a:gd name="connsiteY65" fmla="*/ 462271 h 874716"/>
                    <a:gd name="connsiteX66" fmla="*/ 4987037 w 6858001"/>
                    <a:gd name="connsiteY66" fmla="*/ 485703 h 874716"/>
                    <a:gd name="connsiteX67" fmla="*/ 5041521 w 6858001"/>
                    <a:gd name="connsiteY67" fmla="*/ 512182 h 874716"/>
                    <a:gd name="connsiteX68" fmla="*/ 5166113 w 6858001"/>
                    <a:gd name="connsiteY68" fmla="*/ 531615 h 874716"/>
                    <a:gd name="connsiteX69" fmla="*/ 5179067 w 6858001"/>
                    <a:gd name="connsiteY69" fmla="*/ 534853 h 874716"/>
                    <a:gd name="connsiteX70" fmla="*/ 5272796 w 6858001"/>
                    <a:gd name="connsiteY70" fmla="*/ 511230 h 874716"/>
                    <a:gd name="connsiteX71" fmla="*/ 5385384 w 6858001"/>
                    <a:gd name="connsiteY71" fmla="*/ 487227 h 874716"/>
                    <a:gd name="connsiteX72" fmla="*/ 5425582 w 6858001"/>
                    <a:gd name="connsiteY72" fmla="*/ 495418 h 874716"/>
                    <a:gd name="connsiteX73" fmla="*/ 5480637 w 6858001"/>
                    <a:gd name="connsiteY73" fmla="*/ 507040 h 874716"/>
                    <a:gd name="connsiteX74" fmla="*/ 5531693 w 6858001"/>
                    <a:gd name="connsiteY74" fmla="*/ 500944 h 874716"/>
                    <a:gd name="connsiteX75" fmla="*/ 5562746 w 6858001"/>
                    <a:gd name="connsiteY75" fmla="*/ 500372 h 874716"/>
                    <a:gd name="connsiteX76" fmla="*/ 5704483 w 6858001"/>
                    <a:gd name="connsiteY76" fmla="*/ 571620 h 874716"/>
                    <a:gd name="connsiteX77" fmla="*/ 5740488 w 6858001"/>
                    <a:gd name="connsiteY77" fmla="*/ 577526 h 874716"/>
                    <a:gd name="connsiteX78" fmla="*/ 5760873 w 6858001"/>
                    <a:gd name="connsiteY78" fmla="*/ 586291 h 874716"/>
                    <a:gd name="connsiteX79" fmla="*/ 5883751 w 6858001"/>
                    <a:gd name="connsiteY79" fmla="*/ 674686 h 874716"/>
                    <a:gd name="connsiteX80" fmla="*/ 5935949 w 6858001"/>
                    <a:gd name="connsiteY80" fmla="*/ 692592 h 874716"/>
                    <a:gd name="connsiteX81" fmla="*/ 5993291 w 6858001"/>
                    <a:gd name="connsiteY81" fmla="*/ 688972 h 874716"/>
                    <a:gd name="connsiteX82" fmla="*/ 6026440 w 6858001"/>
                    <a:gd name="connsiteY82" fmla="*/ 682496 h 874716"/>
                    <a:gd name="connsiteX83" fmla="*/ 6108738 w 6858001"/>
                    <a:gd name="connsiteY83" fmla="*/ 626296 h 874716"/>
                    <a:gd name="connsiteX84" fmla="*/ 6155602 w 6858001"/>
                    <a:gd name="connsiteY84" fmla="*/ 628202 h 874716"/>
                    <a:gd name="connsiteX85" fmla="*/ 6228756 w 6858001"/>
                    <a:gd name="connsiteY85" fmla="*/ 666873 h 874716"/>
                    <a:gd name="connsiteX86" fmla="*/ 6361539 w 6858001"/>
                    <a:gd name="connsiteY86" fmla="*/ 684210 h 874716"/>
                    <a:gd name="connsiteX87" fmla="*/ 6428979 w 6858001"/>
                    <a:gd name="connsiteY87" fmla="*/ 630106 h 874716"/>
                    <a:gd name="connsiteX88" fmla="*/ 6463840 w 6858001"/>
                    <a:gd name="connsiteY88" fmla="*/ 578098 h 874716"/>
                    <a:gd name="connsiteX89" fmla="*/ 6564620 w 6858001"/>
                    <a:gd name="connsiteY89" fmla="*/ 517708 h 874716"/>
                    <a:gd name="connsiteX90" fmla="*/ 6588625 w 6858001"/>
                    <a:gd name="connsiteY90" fmla="*/ 540187 h 874716"/>
                    <a:gd name="connsiteX91" fmla="*/ 6662541 w 6858001"/>
                    <a:gd name="connsiteY91" fmla="*/ 549714 h 874716"/>
                    <a:gd name="connsiteX92" fmla="*/ 6742552 w 6858001"/>
                    <a:gd name="connsiteY92" fmla="*/ 548952 h 874716"/>
                    <a:gd name="connsiteX93" fmla="*/ 6812063 w 6858001"/>
                    <a:gd name="connsiteY93" fmla="*/ 568430 h 874716"/>
                    <a:gd name="connsiteX94" fmla="*/ 6858001 w 6858001"/>
                    <a:gd name="connsiteY94" fmla="*/ 562267 h 874716"/>
                    <a:gd name="connsiteX95" fmla="*/ 6858001 w 6858001"/>
                    <a:gd name="connsiteY95" fmla="*/ 734520 h 874716"/>
                    <a:gd name="connsiteX96" fmla="*/ 6815516 w 6858001"/>
                    <a:gd name="connsiteY96" fmla="*/ 744220 h 874716"/>
                    <a:gd name="connsiteX97" fmla="*/ 6748458 w 6858001"/>
                    <a:gd name="connsiteY97" fmla="*/ 763271 h 874716"/>
                    <a:gd name="connsiteX98" fmla="*/ 6584812 w 6858001"/>
                    <a:gd name="connsiteY98" fmla="*/ 784797 h 874716"/>
                    <a:gd name="connsiteX99" fmla="*/ 6415833 w 6858001"/>
                    <a:gd name="connsiteY99" fmla="*/ 805562 h 874716"/>
                    <a:gd name="connsiteX100" fmla="*/ 6323058 w 6858001"/>
                    <a:gd name="connsiteY100" fmla="*/ 812420 h 874716"/>
                    <a:gd name="connsiteX101" fmla="*/ 6242093 w 6858001"/>
                    <a:gd name="connsiteY101" fmla="*/ 823281 h 874716"/>
                    <a:gd name="connsiteX102" fmla="*/ 6171605 w 6858001"/>
                    <a:gd name="connsiteY102" fmla="*/ 830139 h 874716"/>
                    <a:gd name="connsiteX103" fmla="*/ 6059397 w 6858001"/>
                    <a:gd name="connsiteY103" fmla="*/ 844045 h 874716"/>
                    <a:gd name="connsiteX104" fmla="*/ 6012723 w 6858001"/>
                    <a:gd name="connsiteY104" fmla="*/ 847665 h 874716"/>
                    <a:gd name="connsiteX105" fmla="*/ 5902610 w 6858001"/>
                    <a:gd name="connsiteY105" fmla="*/ 847473 h 874716"/>
                    <a:gd name="connsiteX106" fmla="*/ 5864318 w 6858001"/>
                    <a:gd name="connsiteY106" fmla="*/ 845569 h 874716"/>
                    <a:gd name="connsiteX107" fmla="*/ 5790592 w 6858001"/>
                    <a:gd name="connsiteY107" fmla="*/ 821947 h 874716"/>
                    <a:gd name="connsiteX108" fmla="*/ 5781830 w 6858001"/>
                    <a:gd name="connsiteY108" fmla="*/ 820233 h 874716"/>
                    <a:gd name="connsiteX109" fmla="*/ 5733440 w 6858001"/>
                    <a:gd name="connsiteY109" fmla="*/ 810896 h 874716"/>
                    <a:gd name="connsiteX110" fmla="*/ 5706959 w 6858001"/>
                    <a:gd name="connsiteY110" fmla="*/ 807848 h 874716"/>
                    <a:gd name="connsiteX111" fmla="*/ 5606372 w 6858001"/>
                    <a:gd name="connsiteY111" fmla="*/ 788417 h 874716"/>
                    <a:gd name="connsiteX112" fmla="*/ 5548460 w 6858001"/>
                    <a:gd name="connsiteY112" fmla="*/ 779273 h 874716"/>
                    <a:gd name="connsiteX113" fmla="*/ 5501594 w 6858001"/>
                    <a:gd name="connsiteY113" fmla="*/ 780607 h 874716"/>
                    <a:gd name="connsiteX114" fmla="*/ 5419295 w 6858001"/>
                    <a:gd name="connsiteY114" fmla="*/ 782321 h 874716"/>
                    <a:gd name="connsiteX115" fmla="*/ 5393005 w 6858001"/>
                    <a:gd name="connsiteY115" fmla="*/ 786703 h 874716"/>
                    <a:gd name="connsiteX116" fmla="*/ 5274129 w 6858001"/>
                    <a:gd name="connsiteY116" fmla="*/ 774129 h 874716"/>
                    <a:gd name="connsiteX117" fmla="*/ 5206308 w 6858001"/>
                    <a:gd name="connsiteY117" fmla="*/ 773177 h 874716"/>
                    <a:gd name="connsiteX118" fmla="*/ 5129916 w 6858001"/>
                    <a:gd name="connsiteY118" fmla="*/ 757554 h 874716"/>
                    <a:gd name="connsiteX119" fmla="*/ 5107627 w 6858001"/>
                    <a:gd name="connsiteY119" fmla="*/ 758316 h 874716"/>
                    <a:gd name="connsiteX120" fmla="*/ 5082670 w 6858001"/>
                    <a:gd name="connsiteY120" fmla="*/ 759651 h 874716"/>
                    <a:gd name="connsiteX121" fmla="*/ 5006086 w 6858001"/>
                    <a:gd name="connsiteY121" fmla="*/ 760795 h 874716"/>
                    <a:gd name="connsiteX122" fmla="*/ 4959602 w 6858001"/>
                    <a:gd name="connsiteY122" fmla="*/ 766509 h 874716"/>
                    <a:gd name="connsiteX123" fmla="*/ 4871019 w 6858001"/>
                    <a:gd name="connsiteY123" fmla="*/ 763081 h 874716"/>
                    <a:gd name="connsiteX124" fmla="*/ 4838250 w 6858001"/>
                    <a:gd name="connsiteY124" fmla="*/ 768033 h 874716"/>
                    <a:gd name="connsiteX125" fmla="*/ 4755381 w 6858001"/>
                    <a:gd name="connsiteY125" fmla="*/ 768605 h 874716"/>
                    <a:gd name="connsiteX126" fmla="*/ 4681083 w 6858001"/>
                    <a:gd name="connsiteY126" fmla="*/ 765747 h 874716"/>
                    <a:gd name="connsiteX127" fmla="*/ 4609452 w 6858001"/>
                    <a:gd name="connsiteY127" fmla="*/ 767271 h 874716"/>
                    <a:gd name="connsiteX128" fmla="*/ 4558207 w 6858001"/>
                    <a:gd name="connsiteY128" fmla="*/ 773557 h 874716"/>
                    <a:gd name="connsiteX129" fmla="*/ 4502579 w 6858001"/>
                    <a:gd name="connsiteY129" fmla="*/ 777367 h 874716"/>
                    <a:gd name="connsiteX130" fmla="*/ 4349222 w 6858001"/>
                    <a:gd name="connsiteY130" fmla="*/ 800038 h 874716"/>
                    <a:gd name="connsiteX131" fmla="*/ 4320837 w 6858001"/>
                    <a:gd name="connsiteY131" fmla="*/ 794514 h 874716"/>
                    <a:gd name="connsiteX132" fmla="*/ 4159667 w 6858001"/>
                    <a:gd name="connsiteY132" fmla="*/ 789370 h 874716"/>
                    <a:gd name="connsiteX133" fmla="*/ 4124614 w 6858001"/>
                    <a:gd name="connsiteY133" fmla="*/ 789752 h 874716"/>
                    <a:gd name="connsiteX134" fmla="*/ 4030503 w 6858001"/>
                    <a:gd name="connsiteY134" fmla="*/ 767271 h 874716"/>
                    <a:gd name="connsiteX135" fmla="*/ 3885338 w 6858001"/>
                    <a:gd name="connsiteY135" fmla="*/ 802896 h 874716"/>
                    <a:gd name="connsiteX136" fmla="*/ 3749506 w 6858001"/>
                    <a:gd name="connsiteY136" fmla="*/ 847473 h 874716"/>
                    <a:gd name="connsiteX137" fmla="*/ 3732361 w 6858001"/>
                    <a:gd name="connsiteY137" fmla="*/ 853190 h 874716"/>
                    <a:gd name="connsiteX138" fmla="*/ 3683591 w 6858001"/>
                    <a:gd name="connsiteY138" fmla="*/ 862906 h 874716"/>
                    <a:gd name="connsiteX139" fmla="*/ 3623201 w 6858001"/>
                    <a:gd name="connsiteY139" fmla="*/ 866334 h 874716"/>
                    <a:gd name="connsiteX140" fmla="*/ 3546617 w 6858001"/>
                    <a:gd name="connsiteY140" fmla="*/ 874716 h 874716"/>
                    <a:gd name="connsiteX141" fmla="*/ 3485275 w 6858001"/>
                    <a:gd name="connsiteY141" fmla="*/ 864238 h 874716"/>
                    <a:gd name="connsiteX142" fmla="*/ 3399546 w 6858001"/>
                    <a:gd name="connsiteY142" fmla="*/ 848618 h 874716"/>
                    <a:gd name="connsiteX143" fmla="*/ 3318771 w 6858001"/>
                    <a:gd name="connsiteY143" fmla="*/ 833757 h 874716"/>
                    <a:gd name="connsiteX144" fmla="*/ 3293244 w 6858001"/>
                    <a:gd name="connsiteY144" fmla="*/ 851284 h 874716"/>
                    <a:gd name="connsiteX145" fmla="*/ 3253809 w 6858001"/>
                    <a:gd name="connsiteY145" fmla="*/ 866524 h 874716"/>
                    <a:gd name="connsiteX146" fmla="*/ 3209993 w 6858001"/>
                    <a:gd name="connsiteY146" fmla="*/ 848235 h 874716"/>
                    <a:gd name="connsiteX147" fmla="*/ 3107500 w 6858001"/>
                    <a:gd name="connsiteY147" fmla="*/ 810326 h 874716"/>
                    <a:gd name="connsiteX148" fmla="*/ 3042728 w 6858001"/>
                    <a:gd name="connsiteY148" fmla="*/ 808610 h 874716"/>
                    <a:gd name="connsiteX149" fmla="*/ 2901943 w 6858001"/>
                    <a:gd name="connsiteY149" fmla="*/ 792418 h 874716"/>
                    <a:gd name="connsiteX150" fmla="*/ 2809930 w 6858001"/>
                    <a:gd name="connsiteY150" fmla="*/ 769367 h 874716"/>
                    <a:gd name="connsiteX151" fmla="*/ 2743826 w 6858001"/>
                    <a:gd name="connsiteY151" fmla="*/ 743268 h 874716"/>
                    <a:gd name="connsiteX152" fmla="*/ 2649143 w 6858001"/>
                    <a:gd name="connsiteY152" fmla="*/ 709167 h 874716"/>
                    <a:gd name="connsiteX153" fmla="*/ 2554079 w 6858001"/>
                    <a:gd name="connsiteY153" fmla="*/ 691450 h 874716"/>
                    <a:gd name="connsiteX154" fmla="*/ 2485307 w 6858001"/>
                    <a:gd name="connsiteY154" fmla="*/ 669160 h 874716"/>
                    <a:gd name="connsiteX155" fmla="*/ 2401292 w 6858001"/>
                    <a:gd name="connsiteY155" fmla="*/ 653919 h 874716"/>
                    <a:gd name="connsiteX156" fmla="*/ 2330806 w 6858001"/>
                    <a:gd name="connsiteY156" fmla="*/ 653349 h 874716"/>
                    <a:gd name="connsiteX157" fmla="*/ 2220312 w 6858001"/>
                    <a:gd name="connsiteY157" fmla="*/ 656015 h 874716"/>
                    <a:gd name="connsiteX158" fmla="*/ 2085054 w 6858001"/>
                    <a:gd name="connsiteY158" fmla="*/ 609914 h 874716"/>
                    <a:gd name="connsiteX159" fmla="*/ 2030378 w 6858001"/>
                    <a:gd name="connsiteY159" fmla="*/ 599625 h 874716"/>
                    <a:gd name="connsiteX160" fmla="*/ 1978940 w 6858001"/>
                    <a:gd name="connsiteY160" fmla="*/ 594863 h 874716"/>
                    <a:gd name="connsiteX161" fmla="*/ 1869780 w 6858001"/>
                    <a:gd name="connsiteY161" fmla="*/ 564192 h 874716"/>
                    <a:gd name="connsiteX162" fmla="*/ 1825393 w 6858001"/>
                    <a:gd name="connsiteY162" fmla="*/ 554094 h 874716"/>
                    <a:gd name="connsiteX163" fmla="*/ 1763287 w 6858001"/>
                    <a:gd name="connsiteY163" fmla="*/ 554286 h 874716"/>
                    <a:gd name="connsiteX164" fmla="*/ 1650317 w 6858001"/>
                    <a:gd name="connsiteY164" fmla="*/ 540187 h 874716"/>
                    <a:gd name="connsiteX165" fmla="*/ 1537537 w 6858001"/>
                    <a:gd name="connsiteY165" fmla="*/ 499038 h 874716"/>
                    <a:gd name="connsiteX166" fmla="*/ 1489720 w 6858001"/>
                    <a:gd name="connsiteY166" fmla="*/ 503038 h 874716"/>
                    <a:gd name="connsiteX167" fmla="*/ 1472575 w 6858001"/>
                    <a:gd name="connsiteY167" fmla="*/ 502086 h 874716"/>
                    <a:gd name="connsiteX168" fmla="*/ 1318456 w 6858001"/>
                    <a:gd name="connsiteY168" fmla="*/ 479415 h 874716"/>
                    <a:gd name="connsiteX169" fmla="*/ 1303024 w 6858001"/>
                    <a:gd name="connsiteY169" fmla="*/ 476939 h 874716"/>
                    <a:gd name="connsiteX170" fmla="*/ 1230633 w 6858001"/>
                    <a:gd name="connsiteY170" fmla="*/ 456746 h 874716"/>
                    <a:gd name="connsiteX171" fmla="*/ 1048125 w 6858001"/>
                    <a:gd name="connsiteY171" fmla="*/ 444172 h 874716"/>
                    <a:gd name="connsiteX172" fmla="*/ 1036887 w 6858001"/>
                    <a:gd name="connsiteY172" fmla="*/ 442648 h 874716"/>
                    <a:gd name="connsiteX173" fmla="*/ 975733 w 6858001"/>
                    <a:gd name="connsiteY173" fmla="*/ 452744 h 874716"/>
                    <a:gd name="connsiteX174" fmla="*/ 945444 w 6858001"/>
                    <a:gd name="connsiteY174" fmla="*/ 467033 h 874716"/>
                    <a:gd name="connsiteX175" fmla="*/ 898198 w 6858001"/>
                    <a:gd name="connsiteY175" fmla="*/ 481893 h 874716"/>
                    <a:gd name="connsiteX176" fmla="*/ 850189 w 6858001"/>
                    <a:gd name="connsiteY176" fmla="*/ 487417 h 874716"/>
                    <a:gd name="connsiteX177" fmla="*/ 769605 w 6858001"/>
                    <a:gd name="connsiteY177" fmla="*/ 464937 h 874716"/>
                    <a:gd name="connsiteX178" fmla="*/ 740268 w 6858001"/>
                    <a:gd name="connsiteY178" fmla="*/ 462651 h 874716"/>
                    <a:gd name="connsiteX179" fmla="*/ 674923 w 6858001"/>
                    <a:gd name="connsiteY179" fmla="*/ 451792 h 874716"/>
                    <a:gd name="connsiteX180" fmla="*/ 617772 w 6858001"/>
                    <a:gd name="connsiteY180" fmla="*/ 452554 h 874716"/>
                    <a:gd name="connsiteX181" fmla="*/ 571860 w 6858001"/>
                    <a:gd name="connsiteY181" fmla="*/ 469891 h 874716"/>
                    <a:gd name="connsiteX182" fmla="*/ 505182 w 6858001"/>
                    <a:gd name="connsiteY182" fmla="*/ 473319 h 874716"/>
                    <a:gd name="connsiteX183" fmla="*/ 462126 w 6858001"/>
                    <a:gd name="connsiteY183" fmla="*/ 460747 h 874716"/>
                    <a:gd name="connsiteX184" fmla="*/ 453364 w 6858001"/>
                    <a:gd name="connsiteY184" fmla="*/ 459033 h 874716"/>
                    <a:gd name="connsiteX185" fmla="*/ 340774 w 6858001"/>
                    <a:gd name="connsiteY185" fmla="*/ 458268 h 874716"/>
                    <a:gd name="connsiteX186" fmla="*/ 200182 w 6858001"/>
                    <a:gd name="connsiteY186" fmla="*/ 496180 h 874716"/>
                    <a:gd name="connsiteX187" fmla="*/ 176939 w 6858001"/>
                    <a:gd name="connsiteY187" fmla="*/ 504182 h 874716"/>
                    <a:gd name="connsiteX188" fmla="*/ 63587 w 6858001"/>
                    <a:gd name="connsiteY188" fmla="*/ 518088 h 874716"/>
                    <a:gd name="connsiteX189" fmla="*/ 2817 w 6858001"/>
                    <a:gd name="connsiteY189" fmla="*/ 532187 h 874716"/>
                    <a:gd name="connsiteX190" fmla="*/ 0 w 6858001"/>
                    <a:gd name="connsiteY190" fmla="*/ 533314 h 87471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  <a:cxn ang="0">
                      <a:pos x="connsiteX190" y="connsiteY190"/>
                    </a:cxn>
                  </a:cxnLst>
                  <a:rect l="l" t="t" r="r" b="b"/>
                  <a:pathLst>
                    <a:path w="6858001" h="874716">
                      <a:moveTo>
                        <a:pt x="0" y="533314"/>
                      </a:moveTo>
                      <a:lnTo>
                        <a:pt x="0" y="69206"/>
                      </a:lnTo>
                      <a:lnTo>
                        <a:pt x="21486" y="71924"/>
                      </a:lnTo>
                      <a:cubicBezTo>
                        <a:pt x="92546" y="60493"/>
                        <a:pt x="159604" y="87354"/>
                        <a:pt x="228948" y="88116"/>
                      </a:cubicBezTo>
                      <a:cubicBezTo>
                        <a:pt x="260382" y="88496"/>
                        <a:pt x="291435" y="94592"/>
                        <a:pt x="313533" y="62779"/>
                      </a:cubicBezTo>
                      <a:cubicBezTo>
                        <a:pt x="316389" y="58587"/>
                        <a:pt x="330298" y="60873"/>
                        <a:pt x="338870" y="62207"/>
                      </a:cubicBezTo>
                      <a:cubicBezTo>
                        <a:pt x="357921" y="65066"/>
                        <a:pt x="376781" y="72304"/>
                        <a:pt x="395640" y="72114"/>
                      </a:cubicBezTo>
                      <a:cubicBezTo>
                        <a:pt x="434695" y="71924"/>
                        <a:pt x="473939" y="68876"/>
                        <a:pt x="512802" y="65446"/>
                      </a:cubicBezTo>
                      <a:cubicBezTo>
                        <a:pt x="527470" y="64112"/>
                        <a:pt x="541569" y="58969"/>
                        <a:pt x="556047" y="55349"/>
                      </a:cubicBezTo>
                      <a:cubicBezTo>
                        <a:pt x="564048" y="53253"/>
                        <a:pt x="572622" y="47729"/>
                        <a:pt x="580050" y="48871"/>
                      </a:cubicBezTo>
                      <a:cubicBezTo>
                        <a:pt x="623106" y="55539"/>
                        <a:pt x="662541" y="39157"/>
                        <a:pt x="703308" y="30964"/>
                      </a:cubicBezTo>
                      <a:cubicBezTo>
                        <a:pt x="722169" y="27154"/>
                        <a:pt x="739886" y="18010"/>
                        <a:pt x="758174" y="11724"/>
                      </a:cubicBezTo>
                      <a:cubicBezTo>
                        <a:pt x="762936" y="10008"/>
                        <a:pt x="768271" y="8484"/>
                        <a:pt x="773035" y="8866"/>
                      </a:cubicBezTo>
                      <a:cubicBezTo>
                        <a:pt x="800276" y="11152"/>
                        <a:pt x="827329" y="14390"/>
                        <a:pt x="854379" y="16866"/>
                      </a:cubicBezTo>
                      <a:cubicBezTo>
                        <a:pt x="878956" y="19152"/>
                        <a:pt x="903722" y="19914"/>
                        <a:pt x="915343" y="47919"/>
                      </a:cubicBezTo>
                      <a:cubicBezTo>
                        <a:pt x="917059" y="52301"/>
                        <a:pt x="922773" y="55539"/>
                        <a:pt x="927155" y="58397"/>
                      </a:cubicBezTo>
                      <a:cubicBezTo>
                        <a:pt x="994785" y="102405"/>
                        <a:pt x="1030980" y="101261"/>
                        <a:pt x="1097087" y="54777"/>
                      </a:cubicBezTo>
                      <a:cubicBezTo>
                        <a:pt x="1103945" y="50015"/>
                        <a:pt x="1118613" y="46585"/>
                        <a:pt x="1123185" y="50395"/>
                      </a:cubicBezTo>
                      <a:cubicBezTo>
                        <a:pt x="1162049" y="82020"/>
                        <a:pt x="1204532" y="78590"/>
                        <a:pt x="1249302" y="68684"/>
                      </a:cubicBezTo>
                      <a:cubicBezTo>
                        <a:pt x="1260922" y="66018"/>
                        <a:pt x="1277307" y="66018"/>
                        <a:pt x="1286069" y="72304"/>
                      </a:cubicBezTo>
                      <a:cubicBezTo>
                        <a:pt x="1327790" y="101451"/>
                        <a:pt x="1372560" y="97261"/>
                        <a:pt x="1417899" y="88688"/>
                      </a:cubicBezTo>
                      <a:cubicBezTo>
                        <a:pt x="1424948" y="87354"/>
                        <a:pt x="1433522" y="80114"/>
                        <a:pt x="1436568" y="73448"/>
                      </a:cubicBezTo>
                      <a:cubicBezTo>
                        <a:pt x="1447428" y="49825"/>
                        <a:pt x="1467813" y="41823"/>
                        <a:pt x="1490292" y="35154"/>
                      </a:cubicBezTo>
                      <a:cubicBezTo>
                        <a:pt x="1525727" y="24296"/>
                        <a:pt x="1560588" y="11532"/>
                        <a:pt x="1596213" y="1245"/>
                      </a:cubicBezTo>
                      <a:cubicBezTo>
                        <a:pt x="1604978" y="-1231"/>
                        <a:pt x="1615836" y="293"/>
                        <a:pt x="1624980" y="3150"/>
                      </a:cubicBezTo>
                      <a:cubicBezTo>
                        <a:pt x="1656223" y="12866"/>
                        <a:pt x="1676036" y="37251"/>
                        <a:pt x="1697753" y="59731"/>
                      </a:cubicBezTo>
                      <a:cubicBezTo>
                        <a:pt x="1707279" y="69638"/>
                        <a:pt x="1720423" y="76686"/>
                        <a:pt x="1733188" y="82400"/>
                      </a:cubicBezTo>
                      <a:cubicBezTo>
                        <a:pt x="1766335" y="97071"/>
                        <a:pt x="1800246" y="110215"/>
                        <a:pt x="1833775" y="124121"/>
                      </a:cubicBezTo>
                      <a:cubicBezTo>
                        <a:pt x="1837013" y="125455"/>
                        <a:pt x="1839679" y="128884"/>
                        <a:pt x="1842158" y="131742"/>
                      </a:cubicBezTo>
                      <a:cubicBezTo>
                        <a:pt x="1866922" y="161843"/>
                        <a:pt x="1891497" y="192132"/>
                        <a:pt x="1916454" y="222233"/>
                      </a:cubicBezTo>
                      <a:cubicBezTo>
                        <a:pt x="1921216" y="227947"/>
                        <a:pt x="1928076" y="232139"/>
                        <a:pt x="1933219" y="237663"/>
                      </a:cubicBezTo>
                      <a:cubicBezTo>
                        <a:pt x="1940459" y="245283"/>
                        <a:pt x="1949603" y="252524"/>
                        <a:pt x="1953413" y="261668"/>
                      </a:cubicBezTo>
                      <a:cubicBezTo>
                        <a:pt x="1965224" y="290433"/>
                        <a:pt x="1987894" y="302817"/>
                        <a:pt x="2016469" y="308151"/>
                      </a:cubicBezTo>
                      <a:cubicBezTo>
                        <a:pt x="2042570" y="313104"/>
                        <a:pt x="2068669" y="317296"/>
                        <a:pt x="2094578" y="323010"/>
                      </a:cubicBezTo>
                      <a:cubicBezTo>
                        <a:pt x="2126201" y="329868"/>
                        <a:pt x="2157636" y="337298"/>
                        <a:pt x="2188879" y="345681"/>
                      </a:cubicBezTo>
                      <a:cubicBezTo>
                        <a:pt x="2202404" y="349301"/>
                        <a:pt x="2216692" y="353491"/>
                        <a:pt x="2228314" y="360921"/>
                      </a:cubicBezTo>
                      <a:cubicBezTo>
                        <a:pt x="2260890" y="381496"/>
                        <a:pt x="2295753" y="395402"/>
                        <a:pt x="2334044" y="389878"/>
                      </a:cubicBezTo>
                      <a:cubicBezTo>
                        <a:pt x="2364715" y="385496"/>
                        <a:pt x="2390434" y="396736"/>
                        <a:pt x="2409485" y="414263"/>
                      </a:cubicBezTo>
                      <a:cubicBezTo>
                        <a:pt x="2444158" y="446078"/>
                        <a:pt x="2481305" y="438838"/>
                        <a:pt x="2518264" y="428552"/>
                      </a:cubicBezTo>
                      <a:cubicBezTo>
                        <a:pt x="2537315" y="423217"/>
                        <a:pt x="2552935" y="423979"/>
                        <a:pt x="2571034" y="429122"/>
                      </a:cubicBezTo>
                      <a:cubicBezTo>
                        <a:pt x="2612945" y="441124"/>
                        <a:pt x="2640950" y="473701"/>
                        <a:pt x="2668001" y="502276"/>
                      </a:cubicBezTo>
                      <a:cubicBezTo>
                        <a:pt x="2691054" y="526661"/>
                        <a:pt x="2716963" y="540377"/>
                        <a:pt x="2745348" y="550666"/>
                      </a:cubicBezTo>
                      <a:cubicBezTo>
                        <a:pt x="2781163" y="563810"/>
                        <a:pt x="2809548" y="558858"/>
                        <a:pt x="2826694" y="527233"/>
                      </a:cubicBezTo>
                      <a:cubicBezTo>
                        <a:pt x="2831457" y="518278"/>
                        <a:pt x="2839839" y="507800"/>
                        <a:pt x="2848793" y="505134"/>
                      </a:cubicBezTo>
                      <a:cubicBezTo>
                        <a:pt x="2892037" y="491800"/>
                        <a:pt x="2935854" y="472367"/>
                        <a:pt x="2982148" y="484179"/>
                      </a:cubicBezTo>
                      <a:cubicBezTo>
                        <a:pt x="3046158" y="500372"/>
                        <a:pt x="3108644" y="499420"/>
                        <a:pt x="3172654" y="483417"/>
                      </a:cubicBezTo>
                      <a:cubicBezTo>
                        <a:pt x="3276480" y="457508"/>
                        <a:pt x="3380305" y="430076"/>
                        <a:pt x="3489467" y="435790"/>
                      </a:cubicBezTo>
                      <a:cubicBezTo>
                        <a:pt x="3507563" y="436742"/>
                        <a:pt x="3529090" y="425121"/>
                        <a:pt x="3544713" y="413691"/>
                      </a:cubicBezTo>
                      <a:cubicBezTo>
                        <a:pt x="3574622" y="391974"/>
                        <a:pt x="3573288" y="390258"/>
                        <a:pt x="3606817" y="408167"/>
                      </a:cubicBezTo>
                      <a:cubicBezTo>
                        <a:pt x="3614819" y="412549"/>
                        <a:pt x="3624725" y="415215"/>
                        <a:pt x="3630632" y="421693"/>
                      </a:cubicBezTo>
                      <a:cubicBezTo>
                        <a:pt x="3660731" y="454650"/>
                        <a:pt x="3697880" y="446648"/>
                        <a:pt x="3734837" y="441886"/>
                      </a:cubicBezTo>
                      <a:cubicBezTo>
                        <a:pt x="3741315" y="440934"/>
                        <a:pt x="3749125" y="439600"/>
                        <a:pt x="3754652" y="442268"/>
                      </a:cubicBezTo>
                      <a:cubicBezTo>
                        <a:pt x="3779607" y="454268"/>
                        <a:pt x="3800753" y="450078"/>
                        <a:pt x="3822472" y="433694"/>
                      </a:cubicBezTo>
                      <a:cubicBezTo>
                        <a:pt x="3841331" y="419597"/>
                        <a:pt x="3863049" y="411215"/>
                        <a:pt x="3885338" y="428742"/>
                      </a:cubicBezTo>
                      <a:cubicBezTo>
                        <a:pt x="3934870" y="467605"/>
                        <a:pt x="3987829" y="469509"/>
                        <a:pt x="4043839" y="444934"/>
                      </a:cubicBezTo>
                      <a:cubicBezTo>
                        <a:pt x="4083845" y="427407"/>
                        <a:pt x="4123280" y="423407"/>
                        <a:pt x="4165383" y="441124"/>
                      </a:cubicBezTo>
                      <a:cubicBezTo>
                        <a:pt x="4181576" y="447982"/>
                        <a:pt x="4202531" y="443410"/>
                        <a:pt x="4221391" y="444934"/>
                      </a:cubicBezTo>
                      <a:cubicBezTo>
                        <a:pt x="4232060" y="445696"/>
                        <a:pt x="4243872" y="445886"/>
                        <a:pt x="4253014" y="450650"/>
                      </a:cubicBezTo>
                      <a:cubicBezTo>
                        <a:pt x="4277401" y="462843"/>
                        <a:pt x="4300070" y="478463"/>
                        <a:pt x="4324645" y="490466"/>
                      </a:cubicBezTo>
                      <a:cubicBezTo>
                        <a:pt x="4336457" y="496180"/>
                        <a:pt x="4350554" y="499228"/>
                        <a:pt x="4363890" y="499420"/>
                      </a:cubicBezTo>
                      <a:cubicBezTo>
                        <a:pt x="4403325" y="500372"/>
                        <a:pt x="4442761" y="500372"/>
                        <a:pt x="4482004" y="498658"/>
                      </a:cubicBezTo>
                      <a:cubicBezTo>
                        <a:pt x="4546776" y="495990"/>
                        <a:pt x="4612500" y="495418"/>
                        <a:pt x="4659174" y="438648"/>
                      </a:cubicBezTo>
                      <a:cubicBezTo>
                        <a:pt x="4662986" y="434076"/>
                        <a:pt x="4671176" y="431408"/>
                        <a:pt x="4677655" y="430646"/>
                      </a:cubicBezTo>
                      <a:cubicBezTo>
                        <a:pt x="4707564" y="427027"/>
                        <a:pt x="4738235" y="426645"/>
                        <a:pt x="4767764" y="420739"/>
                      </a:cubicBezTo>
                      <a:cubicBezTo>
                        <a:pt x="4791386" y="415977"/>
                        <a:pt x="4811009" y="417501"/>
                        <a:pt x="4828916" y="434266"/>
                      </a:cubicBezTo>
                      <a:cubicBezTo>
                        <a:pt x="4852348" y="456364"/>
                        <a:pt x="4880925" y="469319"/>
                        <a:pt x="4912168" y="462271"/>
                      </a:cubicBezTo>
                      <a:cubicBezTo>
                        <a:pt x="4943409" y="455412"/>
                        <a:pt x="4963984" y="470271"/>
                        <a:pt x="4987037" y="485703"/>
                      </a:cubicBezTo>
                      <a:cubicBezTo>
                        <a:pt x="5003801" y="496942"/>
                        <a:pt x="5022852" y="511040"/>
                        <a:pt x="5041521" y="512182"/>
                      </a:cubicBezTo>
                      <a:cubicBezTo>
                        <a:pt x="5083814" y="514658"/>
                        <a:pt x="5120201" y="553904"/>
                        <a:pt x="5166113" y="531615"/>
                      </a:cubicBezTo>
                      <a:cubicBezTo>
                        <a:pt x="5169161" y="530091"/>
                        <a:pt x="5174685" y="533901"/>
                        <a:pt x="5179067" y="534853"/>
                      </a:cubicBezTo>
                      <a:cubicBezTo>
                        <a:pt x="5214121" y="542093"/>
                        <a:pt x="5247078" y="535043"/>
                        <a:pt x="5272796" y="511230"/>
                      </a:cubicBezTo>
                      <a:cubicBezTo>
                        <a:pt x="5306516" y="480177"/>
                        <a:pt x="5343855" y="477129"/>
                        <a:pt x="5385384" y="487227"/>
                      </a:cubicBezTo>
                      <a:cubicBezTo>
                        <a:pt x="5398721" y="490466"/>
                        <a:pt x="5412057" y="492752"/>
                        <a:pt x="5425582" y="495418"/>
                      </a:cubicBezTo>
                      <a:cubicBezTo>
                        <a:pt x="5443870" y="499228"/>
                        <a:pt x="5462351" y="503230"/>
                        <a:pt x="5480637" y="507040"/>
                      </a:cubicBezTo>
                      <a:cubicBezTo>
                        <a:pt x="5498356" y="510850"/>
                        <a:pt x="5517979" y="517326"/>
                        <a:pt x="5531693" y="500944"/>
                      </a:cubicBezTo>
                      <a:cubicBezTo>
                        <a:pt x="5543506" y="486845"/>
                        <a:pt x="5551888" y="488179"/>
                        <a:pt x="5562746" y="500372"/>
                      </a:cubicBezTo>
                      <a:cubicBezTo>
                        <a:pt x="5600467" y="543045"/>
                        <a:pt x="5646189" y="569716"/>
                        <a:pt x="5704483" y="571620"/>
                      </a:cubicBezTo>
                      <a:cubicBezTo>
                        <a:pt x="5716485" y="572002"/>
                        <a:pt x="5728678" y="574668"/>
                        <a:pt x="5740488" y="577526"/>
                      </a:cubicBezTo>
                      <a:cubicBezTo>
                        <a:pt x="5747728" y="579241"/>
                        <a:pt x="5756493" y="581147"/>
                        <a:pt x="5760873" y="586291"/>
                      </a:cubicBezTo>
                      <a:cubicBezTo>
                        <a:pt x="5794974" y="625534"/>
                        <a:pt x="5837457" y="652777"/>
                        <a:pt x="5883751" y="674686"/>
                      </a:cubicBezTo>
                      <a:cubicBezTo>
                        <a:pt x="5900323" y="682496"/>
                        <a:pt x="5918042" y="690306"/>
                        <a:pt x="5935949" y="692592"/>
                      </a:cubicBezTo>
                      <a:cubicBezTo>
                        <a:pt x="5954617" y="694878"/>
                        <a:pt x="5974240" y="691068"/>
                        <a:pt x="5993291" y="688972"/>
                      </a:cubicBezTo>
                      <a:cubicBezTo>
                        <a:pt x="6004531" y="687830"/>
                        <a:pt x="6017485" y="688020"/>
                        <a:pt x="6026440" y="682496"/>
                      </a:cubicBezTo>
                      <a:cubicBezTo>
                        <a:pt x="6054825" y="665159"/>
                        <a:pt x="6082258" y="646491"/>
                        <a:pt x="6108738" y="626296"/>
                      </a:cubicBezTo>
                      <a:cubicBezTo>
                        <a:pt x="6131409" y="608960"/>
                        <a:pt x="6135981" y="606483"/>
                        <a:pt x="6155602" y="628202"/>
                      </a:cubicBezTo>
                      <a:cubicBezTo>
                        <a:pt x="6175797" y="650491"/>
                        <a:pt x="6200944" y="662111"/>
                        <a:pt x="6228756" y="666873"/>
                      </a:cubicBezTo>
                      <a:cubicBezTo>
                        <a:pt x="6272764" y="674304"/>
                        <a:pt x="6317151" y="680590"/>
                        <a:pt x="6361539" y="684210"/>
                      </a:cubicBezTo>
                      <a:cubicBezTo>
                        <a:pt x="6401736" y="687448"/>
                        <a:pt x="6420977" y="669922"/>
                        <a:pt x="6428979" y="630106"/>
                      </a:cubicBezTo>
                      <a:cubicBezTo>
                        <a:pt x="6433551" y="608007"/>
                        <a:pt x="6439458" y="584003"/>
                        <a:pt x="6463840" y="578098"/>
                      </a:cubicBezTo>
                      <a:cubicBezTo>
                        <a:pt x="6503658" y="568572"/>
                        <a:pt x="6544997" y="564382"/>
                        <a:pt x="6564620" y="517708"/>
                      </a:cubicBezTo>
                      <a:cubicBezTo>
                        <a:pt x="6575478" y="527995"/>
                        <a:pt x="6582146" y="534091"/>
                        <a:pt x="6588625" y="540187"/>
                      </a:cubicBezTo>
                      <a:cubicBezTo>
                        <a:pt x="6606531" y="557142"/>
                        <a:pt x="6643678" y="564382"/>
                        <a:pt x="6662541" y="549714"/>
                      </a:cubicBezTo>
                      <a:cubicBezTo>
                        <a:pt x="6690354" y="528377"/>
                        <a:pt x="6715883" y="532377"/>
                        <a:pt x="6742552" y="548952"/>
                      </a:cubicBezTo>
                      <a:cubicBezTo>
                        <a:pt x="6764841" y="562668"/>
                        <a:pt x="6788417" y="567954"/>
                        <a:pt x="6812063" y="568430"/>
                      </a:cubicBezTo>
                      <a:lnTo>
                        <a:pt x="6858001" y="562267"/>
                      </a:lnTo>
                      <a:lnTo>
                        <a:pt x="6858001" y="734520"/>
                      </a:lnTo>
                      <a:lnTo>
                        <a:pt x="6815516" y="744220"/>
                      </a:lnTo>
                      <a:cubicBezTo>
                        <a:pt x="6793035" y="749744"/>
                        <a:pt x="6771319" y="759651"/>
                        <a:pt x="6748458" y="763271"/>
                      </a:cubicBezTo>
                      <a:cubicBezTo>
                        <a:pt x="6694164" y="771843"/>
                        <a:pt x="6639488" y="777939"/>
                        <a:pt x="6584812" y="784797"/>
                      </a:cubicBezTo>
                      <a:cubicBezTo>
                        <a:pt x="6528424" y="791846"/>
                        <a:pt x="6472225" y="799276"/>
                        <a:pt x="6415833" y="805562"/>
                      </a:cubicBezTo>
                      <a:cubicBezTo>
                        <a:pt x="6384972" y="808802"/>
                        <a:pt x="6353919" y="809372"/>
                        <a:pt x="6323058" y="812420"/>
                      </a:cubicBezTo>
                      <a:cubicBezTo>
                        <a:pt x="6296005" y="815088"/>
                        <a:pt x="6269144" y="820041"/>
                        <a:pt x="6242093" y="823281"/>
                      </a:cubicBezTo>
                      <a:cubicBezTo>
                        <a:pt x="6218660" y="825947"/>
                        <a:pt x="6195037" y="827471"/>
                        <a:pt x="6171605" y="830139"/>
                      </a:cubicBezTo>
                      <a:cubicBezTo>
                        <a:pt x="6134075" y="834519"/>
                        <a:pt x="6096736" y="839473"/>
                        <a:pt x="6059397" y="844045"/>
                      </a:cubicBezTo>
                      <a:cubicBezTo>
                        <a:pt x="6043776" y="845759"/>
                        <a:pt x="6027392" y="850522"/>
                        <a:pt x="6012723" y="847665"/>
                      </a:cubicBezTo>
                      <a:cubicBezTo>
                        <a:pt x="5975764" y="840425"/>
                        <a:pt x="5939377" y="842521"/>
                        <a:pt x="5902610" y="847473"/>
                      </a:cubicBezTo>
                      <a:cubicBezTo>
                        <a:pt x="5890037" y="849190"/>
                        <a:pt x="5876511" y="848808"/>
                        <a:pt x="5864318" y="845569"/>
                      </a:cubicBezTo>
                      <a:cubicBezTo>
                        <a:pt x="5839361" y="839091"/>
                        <a:pt x="5815169" y="829947"/>
                        <a:pt x="5790592" y="821947"/>
                      </a:cubicBezTo>
                      <a:cubicBezTo>
                        <a:pt x="5787924" y="820995"/>
                        <a:pt x="5784686" y="820803"/>
                        <a:pt x="5781830" y="820233"/>
                      </a:cubicBezTo>
                      <a:cubicBezTo>
                        <a:pt x="5765635" y="816992"/>
                        <a:pt x="5749634" y="813754"/>
                        <a:pt x="5733440" y="810896"/>
                      </a:cubicBezTo>
                      <a:cubicBezTo>
                        <a:pt x="5724678" y="809372"/>
                        <a:pt x="5715723" y="809182"/>
                        <a:pt x="5706959" y="807848"/>
                      </a:cubicBezTo>
                      <a:cubicBezTo>
                        <a:pt x="5673050" y="802514"/>
                        <a:pt x="5635711" y="811468"/>
                        <a:pt x="5606372" y="788417"/>
                      </a:cubicBezTo>
                      <a:cubicBezTo>
                        <a:pt x="5587321" y="773557"/>
                        <a:pt x="5568842" y="776987"/>
                        <a:pt x="5548460" y="779273"/>
                      </a:cubicBezTo>
                      <a:cubicBezTo>
                        <a:pt x="5533027" y="780987"/>
                        <a:pt x="5517215" y="780415"/>
                        <a:pt x="5501594" y="780607"/>
                      </a:cubicBezTo>
                      <a:cubicBezTo>
                        <a:pt x="5474161" y="781177"/>
                        <a:pt x="5446728" y="781369"/>
                        <a:pt x="5419295" y="782321"/>
                      </a:cubicBezTo>
                      <a:cubicBezTo>
                        <a:pt x="5410531" y="782701"/>
                        <a:pt x="5401579" y="787465"/>
                        <a:pt x="5393005" y="786703"/>
                      </a:cubicBezTo>
                      <a:cubicBezTo>
                        <a:pt x="5353379" y="783083"/>
                        <a:pt x="5313754" y="777367"/>
                        <a:pt x="5274129" y="774129"/>
                      </a:cubicBezTo>
                      <a:cubicBezTo>
                        <a:pt x="5251650" y="772225"/>
                        <a:pt x="5228597" y="775843"/>
                        <a:pt x="5206308" y="773177"/>
                      </a:cubicBezTo>
                      <a:cubicBezTo>
                        <a:pt x="5180591" y="770129"/>
                        <a:pt x="5155445" y="762319"/>
                        <a:pt x="5129916" y="757554"/>
                      </a:cubicBezTo>
                      <a:cubicBezTo>
                        <a:pt x="5122867" y="756222"/>
                        <a:pt x="5115057" y="757936"/>
                        <a:pt x="5107627" y="758316"/>
                      </a:cubicBezTo>
                      <a:cubicBezTo>
                        <a:pt x="5099245" y="758699"/>
                        <a:pt x="5091052" y="759461"/>
                        <a:pt x="5082670" y="759651"/>
                      </a:cubicBezTo>
                      <a:cubicBezTo>
                        <a:pt x="5057141" y="760033"/>
                        <a:pt x="5031614" y="759461"/>
                        <a:pt x="5006086" y="760795"/>
                      </a:cubicBezTo>
                      <a:cubicBezTo>
                        <a:pt x="4990465" y="761557"/>
                        <a:pt x="4974082" y="769367"/>
                        <a:pt x="4959602" y="766509"/>
                      </a:cubicBezTo>
                      <a:cubicBezTo>
                        <a:pt x="4930075" y="760985"/>
                        <a:pt x="4900546" y="773367"/>
                        <a:pt x="4871019" y="763081"/>
                      </a:cubicBezTo>
                      <a:cubicBezTo>
                        <a:pt x="4861873" y="760033"/>
                        <a:pt x="4849300" y="767653"/>
                        <a:pt x="4838250" y="768033"/>
                      </a:cubicBezTo>
                      <a:cubicBezTo>
                        <a:pt x="4810627" y="768985"/>
                        <a:pt x="4783004" y="768795"/>
                        <a:pt x="4755381" y="768605"/>
                      </a:cubicBezTo>
                      <a:cubicBezTo>
                        <a:pt x="4730614" y="768415"/>
                        <a:pt x="4704895" y="771081"/>
                        <a:pt x="4681083" y="765747"/>
                      </a:cubicBezTo>
                      <a:cubicBezTo>
                        <a:pt x="4656126" y="760033"/>
                        <a:pt x="4633647" y="760795"/>
                        <a:pt x="4609452" y="767271"/>
                      </a:cubicBezTo>
                      <a:cubicBezTo>
                        <a:pt x="4592878" y="771653"/>
                        <a:pt x="4575351" y="772225"/>
                        <a:pt x="4558207" y="773557"/>
                      </a:cubicBezTo>
                      <a:cubicBezTo>
                        <a:pt x="4539728" y="775081"/>
                        <a:pt x="4519343" y="771081"/>
                        <a:pt x="4502579" y="777367"/>
                      </a:cubicBezTo>
                      <a:cubicBezTo>
                        <a:pt x="4452665" y="796038"/>
                        <a:pt x="4401419" y="800038"/>
                        <a:pt x="4349222" y="800038"/>
                      </a:cubicBezTo>
                      <a:cubicBezTo>
                        <a:pt x="4339695" y="800038"/>
                        <a:pt x="4329979" y="797372"/>
                        <a:pt x="4320837" y="794514"/>
                      </a:cubicBezTo>
                      <a:cubicBezTo>
                        <a:pt x="4267493" y="777367"/>
                        <a:pt x="4213961" y="778891"/>
                        <a:pt x="4159667" y="789370"/>
                      </a:cubicBezTo>
                      <a:cubicBezTo>
                        <a:pt x="4148427" y="791656"/>
                        <a:pt x="4135854" y="792038"/>
                        <a:pt x="4124614" y="789752"/>
                      </a:cubicBezTo>
                      <a:cubicBezTo>
                        <a:pt x="4092989" y="783083"/>
                        <a:pt x="4062318" y="772033"/>
                        <a:pt x="4030503" y="767271"/>
                      </a:cubicBezTo>
                      <a:cubicBezTo>
                        <a:pt x="3977925" y="759461"/>
                        <a:pt x="3932394" y="785749"/>
                        <a:pt x="3885338" y="802896"/>
                      </a:cubicBezTo>
                      <a:cubicBezTo>
                        <a:pt x="3840569" y="819089"/>
                        <a:pt x="3802467" y="855666"/>
                        <a:pt x="3749506" y="847473"/>
                      </a:cubicBezTo>
                      <a:cubicBezTo>
                        <a:pt x="3744173" y="846711"/>
                        <a:pt x="3738267" y="851856"/>
                        <a:pt x="3732361" y="853190"/>
                      </a:cubicBezTo>
                      <a:cubicBezTo>
                        <a:pt x="3716168" y="856810"/>
                        <a:pt x="3699976" y="861190"/>
                        <a:pt x="3683591" y="862906"/>
                      </a:cubicBezTo>
                      <a:cubicBezTo>
                        <a:pt x="3663589" y="865192"/>
                        <a:pt x="3643204" y="864430"/>
                        <a:pt x="3623201" y="866334"/>
                      </a:cubicBezTo>
                      <a:cubicBezTo>
                        <a:pt x="3597482" y="868620"/>
                        <a:pt x="3572146" y="874716"/>
                        <a:pt x="3546617" y="874716"/>
                      </a:cubicBezTo>
                      <a:cubicBezTo>
                        <a:pt x="3526042" y="874716"/>
                        <a:pt x="3505657" y="867668"/>
                        <a:pt x="3485275" y="864238"/>
                      </a:cubicBezTo>
                      <a:cubicBezTo>
                        <a:pt x="3456508" y="859476"/>
                        <a:pt x="3424883" y="860810"/>
                        <a:pt x="3399546" y="848618"/>
                      </a:cubicBezTo>
                      <a:cubicBezTo>
                        <a:pt x="3372495" y="835663"/>
                        <a:pt x="3346776" y="829757"/>
                        <a:pt x="3318771" y="833757"/>
                      </a:cubicBezTo>
                      <a:cubicBezTo>
                        <a:pt x="3309437" y="835091"/>
                        <a:pt x="3297434" y="843093"/>
                        <a:pt x="3293244" y="851284"/>
                      </a:cubicBezTo>
                      <a:cubicBezTo>
                        <a:pt x="3283908" y="869572"/>
                        <a:pt x="3271145" y="872812"/>
                        <a:pt x="3253809" y="866524"/>
                      </a:cubicBezTo>
                      <a:cubicBezTo>
                        <a:pt x="3238758" y="861190"/>
                        <a:pt x="3220280" y="858524"/>
                        <a:pt x="3209993" y="848235"/>
                      </a:cubicBezTo>
                      <a:cubicBezTo>
                        <a:pt x="3180844" y="819089"/>
                        <a:pt x="3143695" y="818136"/>
                        <a:pt x="3107500" y="810326"/>
                      </a:cubicBezTo>
                      <a:cubicBezTo>
                        <a:pt x="3085403" y="805562"/>
                        <a:pt x="3064827" y="805372"/>
                        <a:pt x="3042728" y="808610"/>
                      </a:cubicBezTo>
                      <a:cubicBezTo>
                        <a:pt x="2994722" y="815850"/>
                        <a:pt x="2948047" y="805562"/>
                        <a:pt x="2901943" y="792418"/>
                      </a:cubicBezTo>
                      <a:cubicBezTo>
                        <a:pt x="2871462" y="783655"/>
                        <a:pt x="2840219" y="778321"/>
                        <a:pt x="2809930" y="769367"/>
                      </a:cubicBezTo>
                      <a:cubicBezTo>
                        <a:pt x="2787259" y="762509"/>
                        <a:pt x="2764590" y="754316"/>
                        <a:pt x="2743826" y="743268"/>
                      </a:cubicBezTo>
                      <a:cubicBezTo>
                        <a:pt x="2713723" y="727073"/>
                        <a:pt x="2687436" y="702689"/>
                        <a:pt x="2649143" y="709167"/>
                      </a:cubicBezTo>
                      <a:cubicBezTo>
                        <a:pt x="2615421" y="714881"/>
                        <a:pt x="2584942" y="702881"/>
                        <a:pt x="2554079" y="691450"/>
                      </a:cubicBezTo>
                      <a:cubicBezTo>
                        <a:pt x="2531409" y="683068"/>
                        <a:pt x="2508742" y="674494"/>
                        <a:pt x="2485307" y="669160"/>
                      </a:cubicBezTo>
                      <a:cubicBezTo>
                        <a:pt x="2457492" y="662873"/>
                        <a:pt x="2426059" y="665541"/>
                        <a:pt x="2401292" y="653919"/>
                      </a:cubicBezTo>
                      <a:cubicBezTo>
                        <a:pt x="2375383" y="641727"/>
                        <a:pt x="2353859" y="649919"/>
                        <a:pt x="2330806" y="653349"/>
                      </a:cubicBezTo>
                      <a:cubicBezTo>
                        <a:pt x="2294039" y="658683"/>
                        <a:pt x="2257459" y="668590"/>
                        <a:pt x="2220312" y="656015"/>
                      </a:cubicBezTo>
                      <a:cubicBezTo>
                        <a:pt x="2175163" y="640775"/>
                        <a:pt x="2130393" y="624392"/>
                        <a:pt x="2085054" y="609914"/>
                      </a:cubicBezTo>
                      <a:cubicBezTo>
                        <a:pt x="2067525" y="604387"/>
                        <a:pt x="2048668" y="602101"/>
                        <a:pt x="2030378" y="599625"/>
                      </a:cubicBezTo>
                      <a:cubicBezTo>
                        <a:pt x="2013043" y="597529"/>
                        <a:pt x="1992279" y="602863"/>
                        <a:pt x="1978940" y="594863"/>
                      </a:cubicBezTo>
                      <a:cubicBezTo>
                        <a:pt x="1944649" y="574288"/>
                        <a:pt x="1909408" y="564192"/>
                        <a:pt x="1869780" y="564192"/>
                      </a:cubicBezTo>
                      <a:cubicBezTo>
                        <a:pt x="1854920" y="564192"/>
                        <a:pt x="1840441" y="555618"/>
                        <a:pt x="1825393" y="554094"/>
                      </a:cubicBezTo>
                      <a:cubicBezTo>
                        <a:pt x="1804816" y="552190"/>
                        <a:pt x="1781194" y="547045"/>
                        <a:pt x="1763287" y="554286"/>
                      </a:cubicBezTo>
                      <a:cubicBezTo>
                        <a:pt x="1721185" y="571430"/>
                        <a:pt x="1687086" y="557142"/>
                        <a:pt x="1650317" y="540187"/>
                      </a:cubicBezTo>
                      <a:cubicBezTo>
                        <a:pt x="1614120" y="523423"/>
                        <a:pt x="1576019" y="510088"/>
                        <a:pt x="1537537" y="499038"/>
                      </a:cubicBezTo>
                      <a:cubicBezTo>
                        <a:pt x="1523059" y="495038"/>
                        <a:pt x="1505724" y="501706"/>
                        <a:pt x="1489720" y="503038"/>
                      </a:cubicBezTo>
                      <a:cubicBezTo>
                        <a:pt x="1484004" y="503420"/>
                        <a:pt x="1477717" y="503992"/>
                        <a:pt x="1472575" y="502086"/>
                      </a:cubicBezTo>
                      <a:cubicBezTo>
                        <a:pt x="1422854" y="483797"/>
                        <a:pt x="1372368" y="469891"/>
                        <a:pt x="1318456" y="479415"/>
                      </a:cubicBezTo>
                      <a:cubicBezTo>
                        <a:pt x="1313504" y="480369"/>
                        <a:pt x="1307978" y="478273"/>
                        <a:pt x="1303024" y="476939"/>
                      </a:cubicBezTo>
                      <a:cubicBezTo>
                        <a:pt x="1278829" y="470081"/>
                        <a:pt x="1255206" y="459223"/>
                        <a:pt x="1230633" y="456746"/>
                      </a:cubicBezTo>
                      <a:cubicBezTo>
                        <a:pt x="1170051" y="450650"/>
                        <a:pt x="1109091" y="448172"/>
                        <a:pt x="1048125" y="444172"/>
                      </a:cubicBezTo>
                      <a:cubicBezTo>
                        <a:pt x="1044315" y="443982"/>
                        <a:pt x="1040315" y="443982"/>
                        <a:pt x="1036887" y="442648"/>
                      </a:cubicBezTo>
                      <a:cubicBezTo>
                        <a:pt x="1014406" y="434456"/>
                        <a:pt x="994785" y="437124"/>
                        <a:pt x="975733" y="452744"/>
                      </a:cubicBezTo>
                      <a:cubicBezTo>
                        <a:pt x="967350" y="459603"/>
                        <a:pt x="955920" y="463223"/>
                        <a:pt x="945444" y="467033"/>
                      </a:cubicBezTo>
                      <a:cubicBezTo>
                        <a:pt x="930011" y="472749"/>
                        <a:pt x="914200" y="478273"/>
                        <a:pt x="898198" y="481893"/>
                      </a:cubicBezTo>
                      <a:cubicBezTo>
                        <a:pt x="882384" y="485321"/>
                        <a:pt x="865430" y="490084"/>
                        <a:pt x="850189" y="487417"/>
                      </a:cubicBezTo>
                      <a:cubicBezTo>
                        <a:pt x="822756" y="482655"/>
                        <a:pt x="796655" y="471987"/>
                        <a:pt x="769605" y="464937"/>
                      </a:cubicBezTo>
                      <a:cubicBezTo>
                        <a:pt x="760270" y="462461"/>
                        <a:pt x="749982" y="462843"/>
                        <a:pt x="740268" y="462651"/>
                      </a:cubicBezTo>
                      <a:cubicBezTo>
                        <a:pt x="717977" y="462081"/>
                        <a:pt x="695116" y="467605"/>
                        <a:pt x="674923" y="451792"/>
                      </a:cubicBezTo>
                      <a:cubicBezTo>
                        <a:pt x="656255" y="436934"/>
                        <a:pt x="637392" y="441314"/>
                        <a:pt x="617772" y="452554"/>
                      </a:cubicBezTo>
                      <a:cubicBezTo>
                        <a:pt x="603673" y="460557"/>
                        <a:pt x="587672" y="466843"/>
                        <a:pt x="571860" y="469891"/>
                      </a:cubicBezTo>
                      <a:cubicBezTo>
                        <a:pt x="550141" y="474081"/>
                        <a:pt x="528615" y="475797"/>
                        <a:pt x="505182" y="473319"/>
                      </a:cubicBezTo>
                      <a:cubicBezTo>
                        <a:pt x="488607" y="471605"/>
                        <a:pt x="475081" y="470843"/>
                        <a:pt x="462126" y="460747"/>
                      </a:cubicBezTo>
                      <a:cubicBezTo>
                        <a:pt x="460032" y="459223"/>
                        <a:pt x="456222" y="458841"/>
                        <a:pt x="453364" y="459033"/>
                      </a:cubicBezTo>
                      <a:cubicBezTo>
                        <a:pt x="415835" y="462271"/>
                        <a:pt x="378686" y="460557"/>
                        <a:pt x="340774" y="458268"/>
                      </a:cubicBezTo>
                      <a:cubicBezTo>
                        <a:pt x="292579" y="455222"/>
                        <a:pt x="241901" y="464175"/>
                        <a:pt x="200182" y="496180"/>
                      </a:cubicBezTo>
                      <a:cubicBezTo>
                        <a:pt x="194085" y="500944"/>
                        <a:pt x="184941" y="503038"/>
                        <a:pt x="176939" y="504182"/>
                      </a:cubicBezTo>
                      <a:cubicBezTo>
                        <a:pt x="139219" y="509134"/>
                        <a:pt x="101308" y="512564"/>
                        <a:pt x="63587" y="518088"/>
                      </a:cubicBezTo>
                      <a:cubicBezTo>
                        <a:pt x="43012" y="521137"/>
                        <a:pt x="21486" y="523805"/>
                        <a:pt x="2817" y="532187"/>
                      </a:cubicBezTo>
                      <a:lnTo>
                        <a:pt x="0" y="533314"/>
                      </a:lnTo>
                      <a:close/>
                    </a:path>
                  </a:pathLst>
                </a:custGeom>
                <a:grpFill/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algn="ctr"/>
                  <a:endParaRPr lang="en-US"/>
                </a:p>
              </p:txBody>
            </p:sp>
          </p:grpSp>
          <p:grpSp>
            <p:nvGrpSpPr>
              <p:cNvPr id="17" name="Group 16">
                <a:extLst>
                  <a:ext uri="{FF2B5EF4-FFF2-40B4-BE49-F238E27FC236}">
                    <a16:creationId xmlns:a16="http://schemas.microsoft.com/office/drawing/2014/main" id="{E6609F08-9B2C-4879-AC68-E3E537BED78C}"/>
                  </a:ext>
                  <a:ext uri="{C183D7F6-B498-43B3-948B-1728B52AA6E4}">
                    <adec:decorative xmlns:adec="http://schemas.microsoft.com/office/drawing/2017/decorative" val="1"/>
                  </a:ext>
                </a:extLst>
              </p:cNvPr>
              <p:cNvGrpSpPr/>
              <p:nvPr>
                <p:extLst>
                  <p:ext uri="{386F3935-93C4-4BCD-93E2-E3B085C9AB24}">
                    <p16:designElem xmlns:p16="http://schemas.microsoft.com/office/powerpoint/2015/main" val="1"/>
                  </p:ext>
                </p:extLst>
              </p:nvPr>
            </p:nvGrpSpPr>
            <p:grpSpPr>
              <a:xfrm>
                <a:off x="3697284" y="0"/>
                <a:ext cx="884241" cy="6858001"/>
                <a:chOff x="3697284" y="-1"/>
                <a:chExt cx="884241" cy="6858001"/>
              </a:xfrm>
              <a:blipFill>
                <a:blip r:embed="rId2">
                  <a:alphaModFix amt="57000"/>
                </a:blip>
                <a:tile tx="0" ty="0" sx="100000" sy="100000" flip="none" algn="tl"/>
              </a:blipFill>
              <a:effectLst/>
            </p:grpSpPr>
            <p:sp>
              <p:nvSpPr>
                <p:cNvPr id="18" name="Freeform: Shape 17">
                  <a:extLst>
                    <a:ext uri="{FF2B5EF4-FFF2-40B4-BE49-F238E27FC236}">
                      <a16:creationId xmlns:a16="http://schemas.microsoft.com/office/drawing/2014/main" id="{6910EFC9-D70D-42FD-BCCD-AB1F710BFD43}"/>
                    </a:ext>
                    <a:ext uri="{C183D7F6-B498-43B3-948B-1728B52AA6E4}">
                      <adec:decorative xmlns:adec="http://schemas.microsoft.com/office/drawing/2017/decorative" val="1"/>
                    </a:ext>
                  </a:extLst>
                </p:cNvPr>
                <p:cNvSpPr/>
                <p:nvPr>
                  <p:extLst>
                    <p:ext uri="{386F3935-93C4-4BCD-93E2-E3B085C9AB24}">
                      <p16:designElem xmlns:p16="http://schemas.microsoft.com/office/powerpoint/2015/main" val="1"/>
                    </p:ext>
                  </p:extLst>
                </p:nvPr>
              </p:nvSpPr>
              <p:spPr>
                <a:xfrm rot="16200000" flipH="1">
                  <a:off x="705641" y="2991642"/>
                  <a:ext cx="6858001" cy="874716"/>
                </a:xfrm>
                <a:custGeom>
                  <a:avLst/>
                  <a:gdLst>
                    <a:gd name="connsiteX0" fmla="*/ 0 w 6858001"/>
                    <a:gd name="connsiteY0" fmla="*/ 533314 h 874716"/>
                    <a:gd name="connsiteX1" fmla="*/ 0 w 6858001"/>
                    <a:gd name="connsiteY1" fmla="*/ 69206 h 874716"/>
                    <a:gd name="connsiteX2" fmla="*/ 21486 w 6858001"/>
                    <a:gd name="connsiteY2" fmla="*/ 71924 h 874716"/>
                    <a:gd name="connsiteX3" fmla="*/ 228948 w 6858001"/>
                    <a:gd name="connsiteY3" fmla="*/ 88116 h 874716"/>
                    <a:gd name="connsiteX4" fmla="*/ 313533 w 6858001"/>
                    <a:gd name="connsiteY4" fmla="*/ 62779 h 874716"/>
                    <a:gd name="connsiteX5" fmla="*/ 338870 w 6858001"/>
                    <a:gd name="connsiteY5" fmla="*/ 62207 h 874716"/>
                    <a:gd name="connsiteX6" fmla="*/ 395640 w 6858001"/>
                    <a:gd name="connsiteY6" fmla="*/ 72114 h 874716"/>
                    <a:gd name="connsiteX7" fmla="*/ 512802 w 6858001"/>
                    <a:gd name="connsiteY7" fmla="*/ 65446 h 874716"/>
                    <a:gd name="connsiteX8" fmla="*/ 556047 w 6858001"/>
                    <a:gd name="connsiteY8" fmla="*/ 55349 h 874716"/>
                    <a:gd name="connsiteX9" fmla="*/ 580050 w 6858001"/>
                    <a:gd name="connsiteY9" fmla="*/ 48871 h 874716"/>
                    <a:gd name="connsiteX10" fmla="*/ 703308 w 6858001"/>
                    <a:gd name="connsiteY10" fmla="*/ 30964 h 874716"/>
                    <a:gd name="connsiteX11" fmla="*/ 758174 w 6858001"/>
                    <a:gd name="connsiteY11" fmla="*/ 11724 h 874716"/>
                    <a:gd name="connsiteX12" fmla="*/ 773035 w 6858001"/>
                    <a:gd name="connsiteY12" fmla="*/ 8866 h 874716"/>
                    <a:gd name="connsiteX13" fmla="*/ 854379 w 6858001"/>
                    <a:gd name="connsiteY13" fmla="*/ 16866 h 874716"/>
                    <a:gd name="connsiteX14" fmla="*/ 915343 w 6858001"/>
                    <a:gd name="connsiteY14" fmla="*/ 47919 h 874716"/>
                    <a:gd name="connsiteX15" fmla="*/ 927155 w 6858001"/>
                    <a:gd name="connsiteY15" fmla="*/ 58397 h 874716"/>
                    <a:gd name="connsiteX16" fmla="*/ 1097087 w 6858001"/>
                    <a:gd name="connsiteY16" fmla="*/ 54777 h 874716"/>
                    <a:gd name="connsiteX17" fmla="*/ 1123185 w 6858001"/>
                    <a:gd name="connsiteY17" fmla="*/ 50395 h 874716"/>
                    <a:gd name="connsiteX18" fmla="*/ 1249302 w 6858001"/>
                    <a:gd name="connsiteY18" fmla="*/ 68684 h 874716"/>
                    <a:gd name="connsiteX19" fmla="*/ 1286069 w 6858001"/>
                    <a:gd name="connsiteY19" fmla="*/ 72304 h 874716"/>
                    <a:gd name="connsiteX20" fmla="*/ 1417899 w 6858001"/>
                    <a:gd name="connsiteY20" fmla="*/ 88688 h 874716"/>
                    <a:gd name="connsiteX21" fmla="*/ 1436568 w 6858001"/>
                    <a:gd name="connsiteY21" fmla="*/ 73448 h 874716"/>
                    <a:gd name="connsiteX22" fmla="*/ 1490292 w 6858001"/>
                    <a:gd name="connsiteY22" fmla="*/ 35154 h 874716"/>
                    <a:gd name="connsiteX23" fmla="*/ 1596213 w 6858001"/>
                    <a:gd name="connsiteY23" fmla="*/ 1245 h 874716"/>
                    <a:gd name="connsiteX24" fmla="*/ 1624980 w 6858001"/>
                    <a:gd name="connsiteY24" fmla="*/ 3150 h 874716"/>
                    <a:gd name="connsiteX25" fmla="*/ 1697753 w 6858001"/>
                    <a:gd name="connsiteY25" fmla="*/ 59731 h 874716"/>
                    <a:gd name="connsiteX26" fmla="*/ 1733188 w 6858001"/>
                    <a:gd name="connsiteY26" fmla="*/ 82400 h 874716"/>
                    <a:gd name="connsiteX27" fmla="*/ 1833775 w 6858001"/>
                    <a:gd name="connsiteY27" fmla="*/ 124121 h 874716"/>
                    <a:gd name="connsiteX28" fmla="*/ 1842158 w 6858001"/>
                    <a:gd name="connsiteY28" fmla="*/ 131742 h 874716"/>
                    <a:gd name="connsiteX29" fmla="*/ 1916454 w 6858001"/>
                    <a:gd name="connsiteY29" fmla="*/ 222233 h 874716"/>
                    <a:gd name="connsiteX30" fmla="*/ 1933219 w 6858001"/>
                    <a:gd name="connsiteY30" fmla="*/ 237663 h 874716"/>
                    <a:gd name="connsiteX31" fmla="*/ 1953413 w 6858001"/>
                    <a:gd name="connsiteY31" fmla="*/ 261668 h 874716"/>
                    <a:gd name="connsiteX32" fmla="*/ 2016469 w 6858001"/>
                    <a:gd name="connsiteY32" fmla="*/ 308151 h 874716"/>
                    <a:gd name="connsiteX33" fmla="*/ 2094578 w 6858001"/>
                    <a:gd name="connsiteY33" fmla="*/ 323010 h 874716"/>
                    <a:gd name="connsiteX34" fmla="*/ 2188879 w 6858001"/>
                    <a:gd name="connsiteY34" fmla="*/ 345681 h 874716"/>
                    <a:gd name="connsiteX35" fmla="*/ 2228314 w 6858001"/>
                    <a:gd name="connsiteY35" fmla="*/ 360921 h 874716"/>
                    <a:gd name="connsiteX36" fmla="*/ 2334044 w 6858001"/>
                    <a:gd name="connsiteY36" fmla="*/ 389878 h 874716"/>
                    <a:gd name="connsiteX37" fmla="*/ 2409485 w 6858001"/>
                    <a:gd name="connsiteY37" fmla="*/ 414263 h 874716"/>
                    <a:gd name="connsiteX38" fmla="*/ 2518264 w 6858001"/>
                    <a:gd name="connsiteY38" fmla="*/ 428552 h 874716"/>
                    <a:gd name="connsiteX39" fmla="*/ 2571034 w 6858001"/>
                    <a:gd name="connsiteY39" fmla="*/ 429122 h 874716"/>
                    <a:gd name="connsiteX40" fmla="*/ 2668001 w 6858001"/>
                    <a:gd name="connsiteY40" fmla="*/ 502276 h 874716"/>
                    <a:gd name="connsiteX41" fmla="*/ 2745348 w 6858001"/>
                    <a:gd name="connsiteY41" fmla="*/ 550666 h 874716"/>
                    <a:gd name="connsiteX42" fmla="*/ 2826694 w 6858001"/>
                    <a:gd name="connsiteY42" fmla="*/ 527233 h 874716"/>
                    <a:gd name="connsiteX43" fmla="*/ 2848793 w 6858001"/>
                    <a:gd name="connsiteY43" fmla="*/ 505134 h 874716"/>
                    <a:gd name="connsiteX44" fmla="*/ 2982148 w 6858001"/>
                    <a:gd name="connsiteY44" fmla="*/ 484179 h 874716"/>
                    <a:gd name="connsiteX45" fmla="*/ 3172654 w 6858001"/>
                    <a:gd name="connsiteY45" fmla="*/ 483417 h 874716"/>
                    <a:gd name="connsiteX46" fmla="*/ 3489467 w 6858001"/>
                    <a:gd name="connsiteY46" fmla="*/ 435790 h 874716"/>
                    <a:gd name="connsiteX47" fmla="*/ 3544713 w 6858001"/>
                    <a:gd name="connsiteY47" fmla="*/ 413691 h 874716"/>
                    <a:gd name="connsiteX48" fmla="*/ 3606817 w 6858001"/>
                    <a:gd name="connsiteY48" fmla="*/ 408167 h 874716"/>
                    <a:gd name="connsiteX49" fmla="*/ 3630632 w 6858001"/>
                    <a:gd name="connsiteY49" fmla="*/ 421693 h 874716"/>
                    <a:gd name="connsiteX50" fmla="*/ 3734837 w 6858001"/>
                    <a:gd name="connsiteY50" fmla="*/ 441886 h 874716"/>
                    <a:gd name="connsiteX51" fmla="*/ 3754652 w 6858001"/>
                    <a:gd name="connsiteY51" fmla="*/ 442268 h 874716"/>
                    <a:gd name="connsiteX52" fmla="*/ 3822472 w 6858001"/>
                    <a:gd name="connsiteY52" fmla="*/ 433694 h 874716"/>
                    <a:gd name="connsiteX53" fmla="*/ 3885338 w 6858001"/>
                    <a:gd name="connsiteY53" fmla="*/ 428742 h 874716"/>
                    <a:gd name="connsiteX54" fmla="*/ 4043839 w 6858001"/>
                    <a:gd name="connsiteY54" fmla="*/ 444934 h 874716"/>
                    <a:gd name="connsiteX55" fmla="*/ 4165383 w 6858001"/>
                    <a:gd name="connsiteY55" fmla="*/ 441124 h 874716"/>
                    <a:gd name="connsiteX56" fmla="*/ 4221391 w 6858001"/>
                    <a:gd name="connsiteY56" fmla="*/ 444934 h 874716"/>
                    <a:gd name="connsiteX57" fmla="*/ 4253014 w 6858001"/>
                    <a:gd name="connsiteY57" fmla="*/ 450650 h 874716"/>
                    <a:gd name="connsiteX58" fmla="*/ 4324645 w 6858001"/>
                    <a:gd name="connsiteY58" fmla="*/ 490466 h 874716"/>
                    <a:gd name="connsiteX59" fmla="*/ 4363890 w 6858001"/>
                    <a:gd name="connsiteY59" fmla="*/ 499420 h 874716"/>
                    <a:gd name="connsiteX60" fmla="*/ 4482004 w 6858001"/>
                    <a:gd name="connsiteY60" fmla="*/ 498658 h 874716"/>
                    <a:gd name="connsiteX61" fmla="*/ 4659174 w 6858001"/>
                    <a:gd name="connsiteY61" fmla="*/ 438648 h 874716"/>
                    <a:gd name="connsiteX62" fmla="*/ 4677655 w 6858001"/>
                    <a:gd name="connsiteY62" fmla="*/ 430646 h 874716"/>
                    <a:gd name="connsiteX63" fmla="*/ 4767764 w 6858001"/>
                    <a:gd name="connsiteY63" fmla="*/ 420739 h 874716"/>
                    <a:gd name="connsiteX64" fmla="*/ 4828916 w 6858001"/>
                    <a:gd name="connsiteY64" fmla="*/ 434266 h 874716"/>
                    <a:gd name="connsiteX65" fmla="*/ 4912168 w 6858001"/>
                    <a:gd name="connsiteY65" fmla="*/ 462271 h 874716"/>
                    <a:gd name="connsiteX66" fmla="*/ 4987037 w 6858001"/>
                    <a:gd name="connsiteY66" fmla="*/ 485703 h 874716"/>
                    <a:gd name="connsiteX67" fmla="*/ 5041521 w 6858001"/>
                    <a:gd name="connsiteY67" fmla="*/ 512182 h 874716"/>
                    <a:gd name="connsiteX68" fmla="*/ 5166113 w 6858001"/>
                    <a:gd name="connsiteY68" fmla="*/ 531615 h 874716"/>
                    <a:gd name="connsiteX69" fmla="*/ 5179067 w 6858001"/>
                    <a:gd name="connsiteY69" fmla="*/ 534853 h 874716"/>
                    <a:gd name="connsiteX70" fmla="*/ 5272796 w 6858001"/>
                    <a:gd name="connsiteY70" fmla="*/ 511230 h 874716"/>
                    <a:gd name="connsiteX71" fmla="*/ 5385384 w 6858001"/>
                    <a:gd name="connsiteY71" fmla="*/ 487227 h 874716"/>
                    <a:gd name="connsiteX72" fmla="*/ 5425582 w 6858001"/>
                    <a:gd name="connsiteY72" fmla="*/ 495418 h 874716"/>
                    <a:gd name="connsiteX73" fmla="*/ 5480637 w 6858001"/>
                    <a:gd name="connsiteY73" fmla="*/ 507040 h 874716"/>
                    <a:gd name="connsiteX74" fmla="*/ 5531693 w 6858001"/>
                    <a:gd name="connsiteY74" fmla="*/ 500944 h 874716"/>
                    <a:gd name="connsiteX75" fmla="*/ 5562746 w 6858001"/>
                    <a:gd name="connsiteY75" fmla="*/ 500372 h 874716"/>
                    <a:gd name="connsiteX76" fmla="*/ 5704483 w 6858001"/>
                    <a:gd name="connsiteY76" fmla="*/ 571620 h 874716"/>
                    <a:gd name="connsiteX77" fmla="*/ 5740488 w 6858001"/>
                    <a:gd name="connsiteY77" fmla="*/ 577526 h 874716"/>
                    <a:gd name="connsiteX78" fmla="*/ 5760873 w 6858001"/>
                    <a:gd name="connsiteY78" fmla="*/ 586291 h 874716"/>
                    <a:gd name="connsiteX79" fmla="*/ 5883751 w 6858001"/>
                    <a:gd name="connsiteY79" fmla="*/ 674686 h 874716"/>
                    <a:gd name="connsiteX80" fmla="*/ 5935949 w 6858001"/>
                    <a:gd name="connsiteY80" fmla="*/ 692592 h 874716"/>
                    <a:gd name="connsiteX81" fmla="*/ 5993291 w 6858001"/>
                    <a:gd name="connsiteY81" fmla="*/ 688972 h 874716"/>
                    <a:gd name="connsiteX82" fmla="*/ 6026440 w 6858001"/>
                    <a:gd name="connsiteY82" fmla="*/ 682496 h 874716"/>
                    <a:gd name="connsiteX83" fmla="*/ 6108738 w 6858001"/>
                    <a:gd name="connsiteY83" fmla="*/ 626296 h 874716"/>
                    <a:gd name="connsiteX84" fmla="*/ 6155602 w 6858001"/>
                    <a:gd name="connsiteY84" fmla="*/ 628202 h 874716"/>
                    <a:gd name="connsiteX85" fmla="*/ 6228756 w 6858001"/>
                    <a:gd name="connsiteY85" fmla="*/ 666873 h 874716"/>
                    <a:gd name="connsiteX86" fmla="*/ 6361539 w 6858001"/>
                    <a:gd name="connsiteY86" fmla="*/ 684210 h 874716"/>
                    <a:gd name="connsiteX87" fmla="*/ 6428979 w 6858001"/>
                    <a:gd name="connsiteY87" fmla="*/ 630106 h 874716"/>
                    <a:gd name="connsiteX88" fmla="*/ 6463840 w 6858001"/>
                    <a:gd name="connsiteY88" fmla="*/ 578098 h 874716"/>
                    <a:gd name="connsiteX89" fmla="*/ 6564620 w 6858001"/>
                    <a:gd name="connsiteY89" fmla="*/ 517708 h 874716"/>
                    <a:gd name="connsiteX90" fmla="*/ 6588625 w 6858001"/>
                    <a:gd name="connsiteY90" fmla="*/ 540187 h 874716"/>
                    <a:gd name="connsiteX91" fmla="*/ 6662541 w 6858001"/>
                    <a:gd name="connsiteY91" fmla="*/ 549714 h 874716"/>
                    <a:gd name="connsiteX92" fmla="*/ 6742552 w 6858001"/>
                    <a:gd name="connsiteY92" fmla="*/ 548952 h 874716"/>
                    <a:gd name="connsiteX93" fmla="*/ 6812063 w 6858001"/>
                    <a:gd name="connsiteY93" fmla="*/ 568430 h 874716"/>
                    <a:gd name="connsiteX94" fmla="*/ 6858001 w 6858001"/>
                    <a:gd name="connsiteY94" fmla="*/ 562267 h 874716"/>
                    <a:gd name="connsiteX95" fmla="*/ 6858001 w 6858001"/>
                    <a:gd name="connsiteY95" fmla="*/ 734520 h 874716"/>
                    <a:gd name="connsiteX96" fmla="*/ 6815516 w 6858001"/>
                    <a:gd name="connsiteY96" fmla="*/ 744220 h 874716"/>
                    <a:gd name="connsiteX97" fmla="*/ 6748458 w 6858001"/>
                    <a:gd name="connsiteY97" fmla="*/ 763271 h 874716"/>
                    <a:gd name="connsiteX98" fmla="*/ 6584812 w 6858001"/>
                    <a:gd name="connsiteY98" fmla="*/ 784797 h 874716"/>
                    <a:gd name="connsiteX99" fmla="*/ 6415833 w 6858001"/>
                    <a:gd name="connsiteY99" fmla="*/ 805562 h 874716"/>
                    <a:gd name="connsiteX100" fmla="*/ 6323058 w 6858001"/>
                    <a:gd name="connsiteY100" fmla="*/ 812420 h 874716"/>
                    <a:gd name="connsiteX101" fmla="*/ 6242093 w 6858001"/>
                    <a:gd name="connsiteY101" fmla="*/ 823281 h 874716"/>
                    <a:gd name="connsiteX102" fmla="*/ 6171605 w 6858001"/>
                    <a:gd name="connsiteY102" fmla="*/ 830139 h 874716"/>
                    <a:gd name="connsiteX103" fmla="*/ 6059397 w 6858001"/>
                    <a:gd name="connsiteY103" fmla="*/ 844045 h 874716"/>
                    <a:gd name="connsiteX104" fmla="*/ 6012723 w 6858001"/>
                    <a:gd name="connsiteY104" fmla="*/ 847665 h 874716"/>
                    <a:gd name="connsiteX105" fmla="*/ 5902610 w 6858001"/>
                    <a:gd name="connsiteY105" fmla="*/ 847473 h 874716"/>
                    <a:gd name="connsiteX106" fmla="*/ 5864318 w 6858001"/>
                    <a:gd name="connsiteY106" fmla="*/ 845569 h 874716"/>
                    <a:gd name="connsiteX107" fmla="*/ 5790592 w 6858001"/>
                    <a:gd name="connsiteY107" fmla="*/ 821947 h 874716"/>
                    <a:gd name="connsiteX108" fmla="*/ 5781830 w 6858001"/>
                    <a:gd name="connsiteY108" fmla="*/ 820233 h 874716"/>
                    <a:gd name="connsiteX109" fmla="*/ 5733440 w 6858001"/>
                    <a:gd name="connsiteY109" fmla="*/ 810896 h 874716"/>
                    <a:gd name="connsiteX110" fmla="*/ 5706959 w 6858001"/>
                    <a:gd name="connsiteY110" fmla="*/ 807848 h 874716"/>
                    <a:gd name="connsiteX111" fmla="*/ 5606372 w 6858001"/>
                    <a:gd name="connsiteY111" fmla="*/ 788417 h 874716"/>
                    <a:gd name="connsiteX112" fmla="*/ 5548460 w 6858001"/>
                    <a:gd name="connsiteY112" fmla="*/ 779273 h 874716"/>
                    <a:gd name="connsiteX113" fmla="*/ 5501594 w 6858001"/>
                    <a:gd name="connsiteY113" fmla="*/ 780607 h 874716"/>
                    <a:gd name="connsiteX114" fmla="*/ 5419295 w 6858001"/>
                    <a:gd name="connsiteY114" fmla="*/ 782321 h 874716"/>
                    <a:gd name="connsiteX115" fmla="*/ 5393005 w 6858001"/>
                    <a:gd name="connsiteY115" fmla="*/ 786703 h 874716"/>
                    <a:gd name="connsiteX116" fmla="*/ 5274129 w 6858001"/>
                    <a:gd name="connsiteY116" fmla="*/ 774129 h 874716"/>
                    <a:gd name="connsiteX117" fmla="*/ 5206308 w 6858001"/>
                    <a:gd name="connsiteY117" fmla="*/ 773177 h 874716"/>
                    <a:gd name="connsiteX118" fmla="*/ 5129916 w 6858001"/>
                    <a:gd name="connsiteY118" fmla="*/ 757554 h 874716"/>
                    <a:gd name="connsiteX119" fmla="*/ 5107627 w 6858001"/>
                    <a:gd name="connsiteY119" fmla="*/ 758316 h 874716"/>
                    <a:gd name="connsiteX120" fmla="*/ 5082670 w 6858001"/>
                    <a:gd name="connsiteY120" fmla="*/ 759651 h 874716"/>
                    <a:gd name="connsiteX121" fmla="*/ 5006086 w 6858001"/>
                    <a:gd name="connsiteY121" fmla="*/ 760795 h 874716"/>
                    <a:gd name="connsiteX122" fmla="*/ 4959602 w 6858001"/>
                    <a:gd name="connsiteY122" fmla="*/ 766509 h 874716"/>
                    <a:gd name="connsiteX123" fmla="*/ 4871019 w 6858001"/>
                    <a:gd name="connsiteY123" fmla="*/ 763081 h 874716"/>
                    <a:gd name="connsiteX124" fmla="*/ 4838250 w 6858001"/>
                    <a:gd name="connsiteY124" fmla="*/ 768033 h 874716"/>
                    <a:gd name="connsiteX125" fmla="*/ 4755381 w 6858001"/>
                    <a:gd name="connsiteY125" fmla="*/ 768605 h 874716"/>
                    <a:gd name="connsiteX126" fmla="*/ 4681083 w 6858001"/>
                    <a:gd name="connsiteY126" fmla="*/ 765747 h 874716"/>
                    <a:gd name="connsiteX127" fmla="*/ 4609452 w 6858001"/>
                    <a:gd name="connsiteY127" fmla="*/ 767271 h 874716"/>
                    <a:gd name="connsiteX128" fmla="*/ 4558207 w 6858001"/>
                    <a:gd name="connsiteY128" fmla="*/ 773557 h 874716"/>
                    <a:gd name="connsiteX129" fmla="*/ 4502579 w 6858001"/>
                    <a:gd name="connsiteY129" fmla="*/ 777367 h 874716"/>
                    <a:gd name="connsiteX130" fmla="*/ 4349222 w 6858001"/>
                    <a:gd name="connsiteY130" fmla="*/ 800038 h 874716"/>
                    <a:gd name="connsiteX131" fmla="*/ 4320837 w 6858001"/>
                    <a:gd name="connsiteY131" fmla="*/ 794514 h 874716"/>
                    <a:gd name="connsiteX132" fmla="*/ 4159667 w 6858001"/>
                    <a:gd name="connsiteY132" fmla="*/ 789370 h 874716"/>
                    <a:gd name="connsiteX133" fmla="*/ 4124614 w 6858001"/>
                    <a:gd name="connsiteY133" fmla="*/ 789752 h 874716"/>
                    <a:gd name="connsiteX134" fmla="*/ 4030503 w 6858001"/>
                    <a:gd name="connsiteY134" fmla="*/ 767271 h 874716"/>
                    <a:gd name="connsiteX135" fmla="*/ 3885338 w 6858001"/>
                    <a:gd name="connsiteY135" fmla="*/ 802896 h 874716"/>
                    <a:gd name="connsiteX136" fmla="*/ 3749506 w 6858001"/>
                    <a:gd name="connsiteY136" fmla="*/ 847473 h 874716"/>
                    <a:gd name="connsiteX137" fmla="*/ 3732361 w 6858001"/>
                    <a:gd name="connsiteY137" fmla="*/ 853190 h 874716"/>
                    <a:gd name="connsiteX138" fmla="*/ 3683591 w 6858001"/>
                    <a:gd name="connsiteY138" fmla="*/ 862906 h 874716"/>
                    <a:gd name="connsiteX139" fmla="*/ 3623201 w 6858001"/>
                    <a:gd name="connsiteY139" fmla="*/ 866334 h 874716"/>
                    <a:gd name="connsiteX140" fmla="*/ 3546617 w 6858001"/>
                    <a:gd name="connsiteY140" fmla="*/ 874716 h 874716"/>
                    <a:gd name="connsiteX141" fmla="*/ 3485275 w 6858001"/>
                    <a:gd name="connsiteY141" fmla="*/ 864238 h 874716"/>
                    <a:gd name="connsiteX142" fmla="*/ 3399546 w 6858001"/>
                    <a:gd name="connsiteY142" fmla="*/ 848618 h 874716"/>
                    <a:gd name="connsiteX143" fmla="*/ 3318771 w 6858001"/>
                    <a:gd name="connsiteY143" fmla="*/ 833757 h 874716"/>
                    <a:gd name="connsiteX144" fmla="*/ 3293244 w 6858001"/>
                    <a:gd name="connsiteY144" fmla="*/ 851284 h 874716"/>
                    <a:gd name="connsiteX145" fmla="*/ 3253809 w 6858001"/>
                    <a:gd name="connsiteY145" fmla="*/ 866524 h 874716"/>
                    <a:gd name="connsiteX146" fmla="*/ 3209993 w 6858001"/>
                    <a:gd name="connsiteY146" fmla="*/ 848235 h 874716"/>
                    <a:gd name="connsiteX147" fmla="*/ 3107500 w 6858001"/>
                    <a:gd name="connsiteY147" fmla="*/ 810326 h 874716"/>
                    <a:gd name="connsiteX148" fmla="*/ 3042728 w 6858001"/>
                    <a:gd name="connsiteY148" fmla="*/ 808610 h 874716"/>
                    <a:gd name="connsiteX149" fmla="*/ 2901943 w 6858001"/>
                    <a:gd name="connsiteY149" fmla="*/ 792418 h 874716"/>
                    <a:gd name="connsiteX150" fmla="*/ 2809930 w 6858001"/>
                    <a:gd name="connsiteY150" fmla="*/ 769367 h 874716"/>
                    <a:gd name="connsiteX151" fmla="*/ 2743826 w 6858001"/>
                    <a:gd name="connsiteY151" fmla="*/ 743268 h 874716"/>
                    <a:gd name="connsiteX152" fmla="*/ 2649143 w 6858001"/>
                    <a:gd name="connsiteY152" fmla="*/ 709167 h 874716"/>
                    <a:gd name="connsiteX153" fmla="*/ 2554079 w 6858001"/>
                    <a:gd name="connsiteY153" fmla="*/ 691450 h 874716"/>
                    <a:gd name="connsiteX154" fmla="*/ 2485307 w 6858001"/>
                    <a:gd name="connsiteY154" fmla="*/ 669160 h 874716"/>
                    <a:gd name="connsiteX155" fmla="*/ 2401292 w 6858001"/>
                    <a:gd name="connsiteY155" fmla="*/ 653919 h 874716"/>
                    <a:gd name="connsiteX156" fmla="*/ 2330806 w 6858001"/>
                    <a:gd name="connsiteY156" fmla="*/ 653349 h 874716"/>
                    <a:gd name="connsiteX157" fmla="*/ 2220312 w 6858001"/>
                    <a:gd name="connsiteY157" fmla="*/ 656015 h 874716"/>
                    <a:gd name="connsiteX158" fmla="*/ 2085054 w 6858001"/>
                    <a:gd name="connsiteY158" fmla="*/ 609914 h 874716"/>
                    <a:gd name="connsiteX159" fmla="*/ 2030378 w 6858001"/>
                    <a:gd name="connsiteY159" fmla="*/ 599625 h 874716"/>
                    <a:gd name="connsiteX160" fmla="*/ 1978940 w 6858001"/>
                    <a:gd name="connsiteY160" fmla="*/ 594863 h 874716"/>
                    <a:gd name="connsiteX161" fmla="*/ 1869780 w 6858001"/>
                    <a:gd name="connsiteY161" fmla="*/ 564192 h 874716"/>
                    <a:gd name="connsiteX162" fmla="*/ 1825393 w 6858001"/>
                    <a:gd name="connsiteY162" fmla="*/ 554094 h 874716"/>
                    <a:gd name="connsiteX163" fmla="*/ 1763287 w 6858001"/>
                    <a:gd name="connsiteY163" fmla="*/ 554286 h 874716"/>
                    <a:gd name="connsiteX164" fmla="*/ 1650317 w 6858001"/>
                    <a:gd name="connsiteY164" fmla="*/ 540187 h 874716"/>
                    <a:gd name="connsiteX165" fmla="*/ 1537537 w 6858001"/>
                    <a:gd name="connsiteY165" fmla="*/ 499038 h 874716"/>
                    <a:gd name="connsiteX166" fmla="*/ 1489720 w 6858001"/>
                    <a:gd name="connsiteY166" fmla="*/ 503038 h 874716"/>
                    <a:gd name="connsiteX167" fmla="*/ 1472575 w 6858001"/>
                    <a:gd name="connsiteY167" fmla="*/ 502086 h 874716"/>
                    <a:gd name="connsiteX168" fmla="*/ 1318456 w 6858001"/>
                    <a:gd name="connsiteY168" fmla="*/ 479415 h 874716"/>
                    <a:gd name="connsiteX169" fmla="*/ 1303024 w 6858001"/>
                    <a:gd name="connsiteY169" fmla="*/ 476939 h 874716"/>
                    <a:gd name="connsiteX170" fmla="*/ 1230633 w 6858001"/>
                    <a:gd name="connsiteY170" fmla="*/ 456746 h 874716"/>
                    <a:gd name="connsiteX171" fmla="*/ 1048125 w 6858001"/>
                    <a:gd name="connsiteY171" fmla="*/ 444172 h 874716"/>
                    <a:gd name="connsiteX172" fmla="*/ 1036887 w 6858001"/>
                    <a:gd name="connsiteY172" fmla="*/ 442648 h 874716"/>
                    <a:gd name="connsiteX173" fmla="*/ 975733 w 6858001"/>
                    <a:gd name="connsiteY173" fmla="*/ 452744 h 874716"/>
                    <a:gd name="connsiteX174" fmla="*/ 945444 w 6858001"/>
                    <a:gd name="connsiteY174" fmla="*/ 467033 h 874716"/>
                    <a:gd name="connsiteX175" fmla="*/ 898198 w 6858001"/>
                    <a:gd name="connsiteY175" fmla="*/ 481893 h 874716"/>
                    <a:gd name="connsiteX176" fmla="*/ 850189 w 6858001"/>
                    <a:gd name="connsiteY176" fmla="*/ 487417 h 874716"/>
                    <a:gd name="connsiteX177" fmla="*/ 769605 w 6858001"/>
                    <a:gd name="connsiteY177" fmla="*/ 464937 h 874716"/>
                    <a:gd name="connsiteX178" fmla="*/ 740268 w 6858001"/>
                    <a:gd name="connsiteY178" fmla="*/ 462651 h 874716"/>
                    <a:gd name="connsiteX179" fmla="*/ 674923 w 6858001"/>
                    <a:gd name="connsiteY179" fmla="*/ 451792 h 874716"/>
                    <a:gd name="connsiteX180" fmla="*/ 617772 w 6858001"/>
                    <a:gd name="connsiteY180" fmla="*/ 452554 h 874716"/>
                    <a:gd name="connsiteX181" fmla="*/ 571860 w 6858001"/>
                    <a:gd name="connsiteY181" fmla="*/ 469891 h 874716"/>
                    <a:gd name="connsiteX182" fmla="*/ 505182 w 6858001"/>
                    <a:gd name="connsiteY182" fmla="*/ 473319 h 874716"/>
                    <a:gd name="connsiteX183" fmla="*/ 462126 w 6858001"/>
                    <a:gd name="connsiteY183" fmla="*/ 460747 h 874716"/>
                    <a:gd name="connsiteX184" fmla="*/ 453364 w 6858001"/>
                    <a:gd name="connsiteY184" fmla="*/ 459033 h 874716"/>
                    <a:gd name="connsiteX185" fmla="*/ 340774 w 6858001"/>
                    <a:gd name="connsiteY185" fmla="*/ 458268 h 874716"/>
                    <a:gd name="connsiteX186" fmla="*/ 200182 w 6858001"/>
                    <a:gd name="connsiteY186" fmla="*/ 496180 h 874716"/>
                    <a:gd name="connsiteX187" fmla="*/ 176939 w 6858001"/>
                    <a:gd name="connsiteY187" fmla="*/ 504182 h 874716"/>
                    <a:gd name="connsiteX188" fmla="*/ 63587 w 6858001"/>
                    <a:gd name="connsiteY188" fmla="*/ 518088 h 874716"/>
                    <a:gd name="connsiteX189" fmla="*/ 2817 w 6858001"/>
                    <a:gd name="connsiteY189" fmla="*/ 532187 h 874716"/>
                    <a:gd name="connsiteX190" fmla="*/ 0 w 6858001"/>
                    <a:gd name="connsiteY190" fmla="*/ 533314 h 87471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  <a:cxn ang="0">
                      <a:pos x="connsiteX190" y="connsiteY190"/>
                    </a:cxn>
                  </a:cxnLst>
                  <a:rect l="l" t="t" r="r" b="b"/>
                  <a:pathLst>
                    <a:path w="6858001" h="874716">
                      <a:moveTo>
                        <a:pt x="0" y="533314"/>
                      </a:moveTo>
                      <a:lnTo>
                        <a:pt x="0" y="69206"/>
                      </a:lnTo>
                      <a:lnTo>
                        <a:pt x="21486" y="71924"/>
                      </a:lnTo>
                      <a:cubicBezTo>
                        <a:pt x="92546" y="60493"/>
                        <a:pt x="159604" y="87354"/>
                        <a:pt x="228948" y="88116"/>
                      </a:cubicBezTo>
                      <a:cubicBezTo>
                        <a:pt x="260382" y="88496"/>
                        <a:pt x="291435" y="94592"/>
                        <a:pt x="313533" y="62779"/>
                      </a:cubicBezTo>
                      <a:cubicBezTo>
                        <a:pt x="316389" y="58587"/>
                        <a:pt x="330298" y="60873"/>
                        <a:pt x="338870" y="62207"/>
                      </a:cubicBezTo>
                      <a:cubicBezTo>
                        <a:pt x="357921" y="65066"/>
                        <a:pt x="376781" y="72304"/>
                        <a:pt x="395640" y="72114"/>
                      </a:cubicBezTo>
                      <a:cubicBezTo>
                        <a:pt x="434695" y="71924"/>
                        <a:pt x="473939" y="68876"/>
                        <a:pt x="512802" y="65446"/>
                      </a:cubicBezTo>
                      <a:cubicBezTo>
                        <a:pt x="527470" y="64112"/>
                        <a:pt x="541569" y="58969"/>
                        <a:pt x="556047" y="55349"/>
                      </a:cubicBezTo>
                      <a:cubicBezTo>
                        <a:pt x="564048" y="53253"/>
                        <a:pt x="572622" y="47729"/>
                        <a:pt x="580050" y="48871"/>
                      </a:cubicBezTo>
                      <a:cubicBezTo>
                        <a:pt x="623106" y="55539"/>
                        <a:pt x="662541" y="39157"/>
                        <a:pt x="703308" y="30964"/>
                      </a:cubicBezTo>
                      <a:cubicBezTo>
                        <a:pt x="722169" y="27154"/>
                        <a:pt x="739886" y="18010"/>
                        <a:pt x="758174" y="11724"/>
                      </a:cubicBezTo>
                      <a:cubicBezTo>
                        <a:pt x="762936" y="10008"/>
                        <a:pt x="768271" y="8484"/>
                        <a:pt x="773035" y="8866"/>
                      </a:cubicBezTo>
                      <a:cubicBezTo>
                        <a:pt x="800276" y="11152"/>
                        <a:pt x="827329" y="14390"/>
                        <a:pt x="854379" y="16866"/>
                      </a:cubicBezTo>
                      <a:cubicBezTo>
                        <a:pt x="878956" y="19152"/>
                        <a:pt x="903722" y="19914"/>
                        <a:pt x="915343" y="47919"/>
                      </a:cubicBezTo>
                      <a:cubicBezTo>
                        <a:pt x="917059" y="52301"/>
                        <a:pt x="922773" y="55539"/>
                        <a:pt x="927155" y="58397"/>
                      </a:cubicBezTo>
                      <a:cubicBezTo>
                        <a:pt x="994785" y="102405"/>
                        <a:pt x="1030980" y="101261"/>
                        <a:pt x="1097087" y="54777"/>
                      </a:cubicBezTo>
                      <a:cubicBezTo>
                        <a:pt x="1103945" y="50015"/>
                        <a:pt x="1118613" y="46585"/>
                        <a:pt x="1123185" y="50395"/>
                      </a:cubicBezTo>
                      <a:cubicBezTo>
                        <a:pt x="1162049" y="82020"/>
                        <a:pt x="1204532" y="78590"/>
                        <a:pt x="1249302" y="68684"/>
                      </a:cubicBezTo>
                      <a:cubicBezTo>
                        <a:pt x="1260922" y="66018"/>
                        <a:pt x="1277307" y="66018"/>
                        <a:pt x="1286069" y="72304"/>
                      </a:cubicBezTo>
                      <a:cubicBezTo>
                        <a:pt x="1327790" y="101451"/>
                        <a:pt x="1372560" y="97261"/>
                        <a:pt x="1417899" y="88688"/>
                      </a:cubicBezTo>
                      <a:cubicBezTo>
                        <a:pt x="1424948" y="87354"/>
                        <a:pt x="1433522" y="80114"/>
                        <a:pt x="1436568" y="73448"/>
                      </a:cubicBezTo>
                      <a:cubicBezTo>
                        <a:pt x="1447428" y="49825"/>
                        <a:pt x="1467813" y="41823"/>
                        <a:pt x="1490292" y="35154"/>
                      </a:cubicBezTo>
                      <a:cubicBezTo>
                        <a:pt x="1525727" y="24296"/>
                        <a:pt x="1560588" y="11532"/>
                        <a:pt x="1596213" y="1245"/>
                      </a:cubicBezTo>
                      <a:cubicBezTo>
                        <a:pt x="1604978" y="-1231"/>
                        <a:pt x="1615836" y="293"/>
                        <a:pt x="1624980" y="3150"/>
                      </a:cubicBezTo>
                      <a:cubicBezTo>
                        <a:pt x="1656223" y="12866"/>
                        <a:pt x="1676036" y="37251"/>
                        <a:pt x="1697753" y="59731"/>
                      </a:cubicBezTo>
                      <a:cubicBezTo>
                        <a:pt x="1707279" y="69638"/>
                        <a:pt x="1720423" y="76686"/>
                        <a:pt x="1733188" y="82400"/>
                      </a:cubicBezTo>
                      <a:cubicBezTo>
                        <a:pt x="1766335" y="97071"/>
                        <a:pt x="1800246" y="110215"/>
                        <a:pt x="1833775" y="124121"/>
                      </a:cubicBezTo>
                      <a:cubicBezTo>
                        <a:pt x="1837013" y="125455"/>
                        <a:pt x="1839679" y="128884"/>
                        <a:pt x="1842158" y="131742"/>
                      </a:cubicBezTo>
                      <a:cubicBezTo>
                        <a:pt x="1866922" y="161843"/>
                        <a:pt x="1891497" y="192132"/>
                        <a:pt x="1916454" y="222233"/>
                      </a:cubicBezTo>
                      <a:cubicBezTo>
                        <a:pt x="1921216" y="227947"/>
                        <a:pt x="1928076" y="232139"/>
                        <a:pt x="1933219" y="237663"/>
                      </a:cubicBezTo>
                      <a:cubicBezTo>
                        <a:pt x="1940459" y="245283"/>
                        <a:pt x="1949603" y="252524"/>
                        <a:pt x="1953413" y="261668"/>
                      </a:cubicBezTo>
                      <a:cubicBezTo>
                        <a:pt x="1965224" y="290433"/>
                        <a:pt x="1987894" y="302817"/>
                        <a:pt x="2016469" y="308151"/>
                      </a:cubicBezTo>
                      <a:cubicBezTo>
                        <a:pt x="2042570" y="313104"/>
                        <a:pt x="2068669" y="317296"/>
                        <a:pt x="2094578" y="323010"/>
                      </a:cubicBezTo>
                      <a:cubicBezTo>
                        <a:pt x="2126201" y="329868"/>
                        <a:pt x="2157636" y="337298"/>
                        <a:pt x="2188879" y="345681"/>
                      </a:cubicBezTo>
                      <a:cubicBezTo>
                        <a:pt x="2202404" y="349301"/>
                        <a:pt x="2216692" y="353491"/>
                        <a:pt x="2228314" y="360921"/>
                      </a:cubicBezTo>
                      <a:cubicBezTo>
                        <a:pt x="2260890" y="381496"/>
                        <a:pt x="2295753" y="395402"/>
                        <a:pt x="2334044" y="389878"/>
                      </a:cubicBezTo>
                      <a:cubicBezTo>
                        <a:pt x="2364715" y="385496"/>
                        <a:pt x="2390434" y="396736"/>
                        <a:pt x="2409485" y="414263"/>
                      </a:cubicBezTo>
                      <a:cubicBezTo>
                        <a:pt x="2444158" y="446078"/>
                        <a:pt x="2481305" y="438838"/>
                        <a:pt x="2518264" y="428552"/>
                      </a:cubicBezTo>
                      <a:cubicBezTo>
                        <a:pt x="2537315" y="423217"/>
                        <a:pt x="2552935" y="423979"/>
                        <a:pt x="2571034" y="429122"/>
                      </a:cubicBezTo>
                      <a:cubicBezTo>
                        <a:pt x="2612945" y="441124"/>
                        <a:pt x="2640950" y="473701"/>
                        <a:pt x="2668001" y="502276"/>
                      </a:cubicBezTo>
                      <a:cubicBezTo>
                        <a:pt x="2691054" y="526661"/>
                        <a:pt x="2716963" y="540377"/>
                        <a:pt x="2745348" y="550666"/>
                      </a:cubicBezTo>
                      <a:cubicBezTo>
                        <a:pt x="2781163" y="563810"/>
                        <a:pt x="2809548" y="558858"/>
                        <a:pt x="2826694" y="527233"/>
                      </a:cubicBezTo>
                      <a:cubicBezTo>
                        <a:pt x="2831457" y="518278"/>
                        <a:pt x="2839839" y="507800"/>
                        <a:pt x="2848793" y="505134"/>
                      </a:cubicBezTo>
                      <a:cubicBezTo>
                        <a:pt x="2892037" y="491800"/>
                        <a:pt x="2935854" y="472367"/>
                        <a:pt x="2982148" y="484179"/>
                      </a:cubicBezTo>
                      <a:cubicBezTo>
                        <a:pt x="3046158" y="500372"/>
                        <a:pt x="3108644" y="499420"/>
                        <a:pt x="3172654" y="483417"/>
                      </a:cubicBezTo>
                      <a:cubicBezTo>
                        <a:pt x="3276480" y="457508"/>
                        <a:pt x="3380305" y="430076"/>
                        <a:pt x="3489467" y="435790"/>
                      </a:cubicBezTo>
                      <a:cubicBezTo>
                        <a:pt x="3507563" y="436742"/>
                        <a:pt x="3529090" y="425121"/>
                        <a:pt x="3544713" y="413691"/>
                      </a:cubicBezTo>
                      <a:cubicBezTo>
                        <a:pt x="3574622" y="391974"/>
                        <a:pt x="3573288" y="390258"/>
                        <a:pt x="3606817" y="408167"/>
                      </a:cubicBezTo>
                      <a:cubicBezTo>
                        <a:pt x="3614819" y="412549"/>
                        <a:pt x="3624725" y="415215"/>
                        <a:pt x="3630632" y="421693"/>
                      </a:cubicBezTo>
                      <a:cubicBezTo>
                        <a:pt x="3660731" y="454650"/>
                        <a:pt x="3697880" y="446648"/>
                        <a:pt x="3734837" y="441886"/>
                      </a:cubicBezTo>
                      <a:cubicBezTo>
                        <a:pt x="3741315" y="440934"/>
                        <a:pt x="3749125" y="439600"/>
                        <a:pt x="3754652" y="442268"/>
                      </a:cubicBezTo>
                      <a:cubicBezTo>
                        <a:pt x="3779607" y="454268"/>
                        <a:pt x="3800753" y="450078"/>
                        <a:pt x="3822472" y="433694"/>
                      </a:cubicBezTo>
                      <a:cubicBezTo>
                        <a:pt x="3841331" y="419597"/>
                        <a:pt x="3863049" y="411215"/>
                        <a:pt x="3885338" y="428742"/>
                      </a:cubicBezTo>
                      <a:cubicBezTo>
                        <a:pt x="3934870" y="467605"/>
                        <a:pt x="3987829" y="469509"/>
                        <a:pt x="4043839" y="444934"/>
                      </a:cubicBezTo>
                      <a:cubicBezTo>
                        <a:pt x="4083845" y="427407"/>
                        <a:pt x="4123280" y="423407"/>
                        <a:pt x="4165383" y="441124"/>
                      </a:cubicBezTo>
                      <a:cubicBezTo>
                        <a:pt x="4181576" y="447982"/>
                        <a:pt x="4202531" y="443410"/>
                        <a:pt x="4221391" y="444934"/>
                      </a:cubicBezTo>
                      <a:cubicBezTo>
                        <a:pt x="4232060" y="445696"/>
                        <a:pt x="4243872" y="445886"/>
                        <a:pt x="4253014" y="450650"/>
                      </a:cubicBezTo>
                      <a:cubicBezTo>
                        <a:pt x="4277401" y="462843"/>
                        <a:pt x="4300070" y="478463"/>
                        <a:pt x="4324645" y="490466"/>
                      </a:cubicBezTo>
                      <a:cubicBezTo>
                        <a:pt x="4336457" y="496180"/>
                        <a:pt x="4350554" y="499228"/>
                        <a:pt x="4363890" y="499420"/>
                      </a:cubicBezTo>
                      <a:cubicBezTo>
                        <a:pt x="4403325" y="500372"/>
                        <a:pt x="4442761" y="500372"/>
                        <a:pt x="4482004" y="498658"/>
                      </a:cubicBezTo>
                      <a:cubicBezTo>
                        <a:pt x="4546776" y="495990"/>
                        <a:pt x="4612500" y="495418"/>
                        <a:pt x="4659174" y="438648"/>
                      </a:cubicBezTo>
                      <a:cubicBezTo>
                        <a:pt x="4662986" y="434076"/>
                        <a:pt x="4671176" y="431408"/>
                        <a:pt x="4677655" y="430646"/>
                      </a:cubicBezTo>
                      <a:cubicBezTo>
                        <a:pt x="4707564" y="427027"/>
                        <a:pt x="4738235" y="426645"/>
                        <a:pt x="4767764" y="420739"/>
                      </a:cubicBezTo>
                      <a:cubicBezTo>
                        <a:pt x="4791386" y="415977"/>
                        <a:pt x="4811009" y="417501"/>
                        <a:pt x="4828916" y="434266"/>
                      </a:cubicBezTo>
                      <a:cubicBezTo>
                        <a:pt x="4852348" y="456364"/>
                        <a:pt x="4880925" y="469319"/>
                        <a:pt x="4912168" y="462271"/>
                      </a:cubicBezTo>
                      <a:cubicBezTo>
                        <a:pt x="4943409" y="455412"/>
                        <a:pt x="4963984" y="470271"/>
                        <a:pt x="4987037" y="485703"/>
                      </a:cubicBezTo>
                      <a:cubicBezTo>
                        <a:pt x="5003801" y="496942"/>
                        <a:pt x="5022852" y="511040"/>
                        <a:pt x="5041521" y="512182"/>
                      </a:cubicBezTo>
                      <a:cubicBezTo>
                        <a:pt x="5083814" y="514658"/>
                        <a:pt x="5120201" y="553904"/>
                        <a:pt x="5166113" y="531615"/>
                      </a:cubicBezTo>
                      <a:cubicBezTo>
                        <a:pt x="5169161" y="530091"/>
                        <a:pt x="5174685" y="533901"/>
                        <a:pt x="5179067" y="534853"/>
                      </a:cubicBezTo>
                      <a:cubicBezTo>
                        <a:pt x="5214121" y="542093"/>
                        <a:pt x="5247078" y="535043"/>
                        <a:pt x="5272796" y="511230"/>
                      </a:cubicBezTo>
                      <a:cubicBezTo>
                        <a:pt x="5306516" y="480177"/>
                        <a:pt x="5343855" y="477129"/>
                        <a:pt x="5385384" y="487227"/>
                      </a:cubicBezTo>
                      <a:cubicBezTo>
                        <a:pt x="5398721" y="490466"/>
                        <a:pt x="5412057" y="492752"/>
                        <a:pt x="5425582" y="495418"/>
                      </a:cubicBezTo>
                      <a:cubicBezTo>
                        <a:pt x="5443870" y="499228"/>
                        <a:pt x="5462351" y="503230"/>
                        <a:pt x="5480637" y="507040"/>
                      </a:cubicBezTo>
                      <a:cubicBezTo>
                        <a:pt x="5498356" y="510850"/>
                        <a:pt x="5517979" y="517326"/>
                        <a:pt x="5531693" y="500944"/>
                      </a:cubicBezTo>
                      <a:cubicBezTo>
                        <a:pt x="5543506" y="486845"/>
                        <a:pt x="5551888" y="488179"/>
                        <a:pt x="5562746" y="500372"/>
                      </a:cubicBezTo>
                      <a:cubicBezTo>
                        <a:pt x="5600467" y="543045"/>
                        <a:pt x="5646189" y="569716"/>
                        <a:pt x="5704483" y="571620"/>
                      </a:cubicBezTo>
                      <a:cubicBezTo>
                        <a:pt x="5716485" y="572002"/>
                        <a:pt x="5728678" y="574668"/>
                        <a:pt x="5740488" y="577526"/>
                      </a:cubicBezTo>
                      <a:cubicBezTo>
                        <a:pt x="5747728" y="579241"/>
                        <a:pt x="5756493" y="581147"/>
                        <a:pt x="5760873" y="586291"/>
                      </a:cubicBezTo>
                      <a:cubicBezTo>
                        <a:pt x="5794974" y="625534"/>
                        <a:pt x="5837457" y="652777"/>
                        <a:pt x="5883751" y="674686"/>
                      </a:cubicBezTo>
                      <a:cubicBezTo>
                        <a:pt x="5900323" y="682496"/>
                        <a:pt x="5918042" y="690306"/>
                        <a:pt x="5935949" y="692592"/>
                      </a:cubicBezTo>
                      <a:cubicBezTo>
                        <a:pt x="5954617" y="694878"/>
                        <a:pt x="5974240" y="691068"/>
                        <a:pt x="5993291" y="688972"/>
                      </a:cubicBezTo>
                      <a:cubicBezTo>
                        <a:pt x="6004531" y="687830"/>
                        <a:pt x="6017485" y="688020"/>
                        <a:pt x="6026440" y="682496"/>
                      </a:cubicBezTo>
                      <a:cubicBezTo>
                        <a:pt x="6054825" y="665159"/>
                        <a:pt x="6082258" y="646491"/>
                        <a:pt x="6108738" y="626296"/>
                      </a:cubicBezTo>
                      <a:cubicBezTo>
                        <a:pt x="6131409" y="608960"/>
                        <a:pt x="6135981" y="606483"/>
                        <a:pt x="6155602" y="628202"/>
                      </a:cubicBezTo>
                      <a:cubicBezTo>
                        <a:pt x="6175797" y="650491"/>
                        <a:pt x="6200944" y="662111"/>
                        <a:pt x="6228756" y="666873"/>
                      </a:cubicBezTo>
                      <a:cubicBezTo>
                        <a:pt x="6272764" y="674304"/>
                        <a:pt x="6317151" y="680590"/>
                        <a:pt x="6361539" y="684210"/>
                      </a:cubicBezTo>
                      <a:cubicBezTo>
                        <a:pt x="6401736" y="687448"/>
                        <a:pt x="6420977" y="669922"/>
                        <a:pt x="6428979" y="630106"/>
                      </a:cubicBezTo>
                      <a:cubicBezTo>
                        <a:pt x="6433551" y="608007"/>
                        <a:pt x="6439458" y="584003"/>
                        <a:pt x="6463840" y="578098"/>
                      </a:cubicBezTo>
                      <a:cubicBezTo>
                        <a:pt x="6503658" y="568572"/>
                        <a:pt x="6544997" y="564382"/>
                        <a:pt x="6564620" y="517708"/>
                      </a:cubicBezTo>
                      <a:cubicBezTo>
                        <a:pt x="6575478" y="527995"/>
                        <a:pt x="6582146" y="534091"/>
                        <a:pt x="6588625" y="540187"/>
                      </a:cubicBezTo>
                      <a:cubicBezTo>
                        <a:pt x="6606531" y="557142"/>
                        <a:pt x="6643678" y="564382"/>
                        <a:pt x="6662541" y="549714"/>
                      </a:cubicBezTo>
                      <a:cubicBezTo>
                        <a:pt x="6690354" y="528377"/>
                        <a:pt x="6715883" y="532377"/>
                        <a:pt x="6742552" y="548952"/>
                      </a:cubicBezTo>
                      <a:cubicBezTo>
                        <a:pt x="6764841" y="562668"/>
                        <a:pt x="6788417" y="567954"/>
                        <a:pt x="6812063" y="568430"/>
                      </a:cubicBezTo>
                      <a:lnTo>
                        <a:pt x="6858001" y="562267"/>
                      </a:lnTo>
                      <a:lnTo>
                        <a:pt x="6858001" y="734520"/>
                      </a:lnTo>
                      <a:lnTo>
                        <a:pt x="6815516" y="744220"/>
                      </a:lnTo>
                      <a:cubicBezTo>
                        <a:pt x="6793035" y="749744"/>
                        <a:pt x="6771319" y="759651"/>
                        <a:pt x="6748458" y="763271"/>
                      </a:cubicBezTo>
                      <a:cubicBezTo>
                        <a:pt x="6694164" y="771843"/>
                        <a:pt x="6639488" y="777939"/>
                        <a:pt x="6584812" y="784797"/>
                      </a:cubicBezTo>
                      <a:cubicBezTo>
                        <a:pt x="6528424" y="791846"/>
                        <a:pt x="6472225" y="799276"/>
                        <a:pt x="6415833" y="805562"/>
                      </a:cubicBezTo>
                      <a:cubicBezTo>
                        <a:pt x="6384972" y="808802"/>
                        <a:pt x="6353919" y="809372"/>
                        <a:pt x="6323058" y="812420"/>
                      </a:cubicBezTo>
                      <a:cubicBezTo>
                        <a:pt x="6296005" y="815088"/>
                        <a:pt x="6269144" y="820041"/>
                        <a:pt x="6242093" y="823281"/>
                      </a:cubicBezTo>
                      <a:cubicBezTo>
                        <a:pt x="6218660" y="825947"/>
                        <a:pt x="6195037" y="827471"/>
                        <a:pt x="6171605" y="830139"/>
                      </a:cubicBezTo>
                      <a:cubicBezTo>
                        <a:pt x="6134075" y="834519"/>
                        <a:pt x="6096736" y="839473"/>
                        <a:pt x="6059397" y="844045"/>
                      </a:cubicBezTo>
                      <a:cubicBezTo>
                        <a:pt x="6043776" y="845759"/>
                        <a:pt x="6027392" y="850522"/>
                        <a:pt x="6012723" y="847665"/>
                      </a:cubicBezTo>
                      <a:cubicBezTo>
                        <a:pt x="5975764" y="840425"/>
                        <a:pt x="5939377" y="842521"/>
                        <a:pt x="5902610" y="847473"/>
                      </a:cubicBezTo>
                      <a:cubicBezTo>
                        <a:pt x="5890037" y="849190"/>
                        <a:pt x="5876511" y="848808"/>
                        <a:pt x="5864318" y="845569"/>
                      </a:cubicBezTo>
                      <a:cubicBezTo>
                        <a:pt x="5839361" y="839091"/>
                        <a:pt x="5815169" y="829947"/>
                        <a:pt x="5790592" y="821947"/>
                      </a:cubicBezTo>
                      <a:cubicBezTo>
                        <a:pt x="5787924" y="820995"/>
                        <a:pt x="5784686" y="820803"/>
                        <a:pt x="5781830" y="820233"/>
                      </a:cubicBezTo>
                      <a:cubicBezTo>
                        <a:pt x="5765635" y="816992"/>
                        <a:pt x="5749634" y="813754"/>
                        <a:pt x="5733440" y="810896"/>
                      </a:cubicBezTo>
                      <a:cubicBezTo>
                        <a:pt x="5724678" y="809372"/>
                        <a:pt x="5715723" y="809182"/>
                        <a:pt x="5706959" y="807848"/>
                      </a:cubicBezTo>
                      <a:cubicBezTo>
                        <a:pt x="5673050" y="802514"/>
                        <a:pt x="5635711" y="811468"/>
                        <a:pt x="5606372" y="788417"/>
                      </a:cubicBezTo>
                      <a:cubicBezTo>
                        <a:pt x="5587321" y="773557"/>
                        <a:pt x="5568842" y="776987"/>
                        <a:pt x="5548460" y="779273"/>
                      </a:cubicBezTo>
                      <a:cubicBezTo>
                        <a:pt x="5533027" y="780987"/>
                        <a:pt x="5517215" y="780415"/>
                        <a:pt x="5501594" y="780607"/>
                      </a:cubicBezTo>
                      <a:cubicBezTo>
                        <a:pt x="5474161" y="781177"/>
                        <a:pt x="5446728" y="781369"/>
                        <a:pt x="5419295" y="782321"/>
                      </a:cubicBezTo>
                      <a:cubicBezTo>
                        <a:pt x="5410531" y="782701"/>
                        <a:pt x="5401579" y="787465"/>
                        <a:pt x="5393005" y="786703"/>
                      </a:cubicBezTo>
                      <a:cubicBezTo>
                        <a:pt x="5353379" y="783083"/>
                        <a:pt x="5313754" y="777367"/>
                        <a:pt x="5274129" y="774129"/>
                      </a:cubicBezTo>
                      <a:cubicBezTo>
                        <a:pt x="5251650" y="772225"/>
                        <a:pt x="5228597" y="775843"/>
                        <a:pt x="5206308" y="773177"/>
                      </a:cubicBezTo>
                      <a:cubicBezTo>
                        <a:pt x="5180591" y="770129"/>
                        <a:pt x="5155445" y="762319"/>
                        <a:pt x="5129916" y="757554"/>
                      </a:cubicBezTo>
                      <a:cubicBezTo>
                        <a:pt x="5122867" y="756222"/>
                        <a:pt x="5115057" y="757936"/>
                        <a:pt x="5107627" y="758316"/>
                      </a:cubicBezTo>
                      <a:cubicBezTo>
                        <a:pt x="5099245" y="758699"/>
                        <a:pt x="5091052" y="759461"/>
                        <a:pt x="5082670" y="759651"/>
                      </a:cubicBezTo>
                      <a:cubicBezTo>
                        <a:pt x="5057141" y="760033"/>
                        <a:pt x="5031614" y="759461"/>
                        <a:pt x="5006086" y="760795"/>
                      </a:cubicBezTo>
                      <a:cubicBezTo>
                        <a:pt x="4990465" y="761557"/>
                        <a:pt x="4974082" y="769367"/>
                        <a:pt x="4959602" y="766509"/>
                      </a:cubicBezTo>
                      <a:cubicBezTo>
                        <a:pt x="4930075" y="760985"/>
                        <a:pt x="4900546" y="773367"/>
                        <a:pt x="4871019" y="763081"/>
                      </a:cubicBezTo>
                      <a:cubicBezTo>
                        <a:pt x="4861873" y="760033"/>
                        <a:pt x="4849300" y="767653"/>
                        <a:pt x="4838250" y="768033"/>
                      </a:cubicBezTo>
                      <a:cubicBezTo>
                        <a:pt x="4810627" y="768985"/>
                        <a:pt x="4783004" y="768795"/>
                        <a:pt x="4755381" y="768605"/>
                      </a:cubicBezTo>
                      <a:cubicBezTo>
                        <a:pt x="4730614" y="768415"/>
                        <a:pt x="4704895" y="771081"/>
                        <a:pt x="4681083" y="765747"/>
                      </a:cubicBezTo>
                      <a:cubicBezTo>
                        <a:pt x="4656126" y="760033"/>
                        <a:pt x="4633647" y="760795"/>
                        <a:pt x="4609452" y="767271"/>
                      </a:cubicBezTo>
                      <a:cubicBezTo>
                        <a:pt x="4592878" y="771653"/>
                        <a:pt x="4575351" y="772225"/>
                        <a:pt x="4558207" y="773557"/>
                      </a:cubicBezTo>
                      <a:cubicBezTo>
                        <a:pt x="4539728" y="775081"/>
                        <a:pt x="4519343" y="771081"/>
                        <a:pt x="4502579" y="777367"/>
                      </a:cubicBezTo>
                      <a:cubicBezTo>
                        <a:pt x="4452665" y="796038"/>
                        <a:pt x="4401419" y="800038"/>
                        <a:pt x="4349222" y="800038"/>
                      </a:cubicBezTo>
                      <a:cubicBezTo>
                        <a:pt x="4339695" y="800038"/>
                        <a:pt x="4329979" y="797372"/>
                        <a:pt x="4320837" y="794514"/>
                      </a:cubicBezTo>
                      <a:cubicBezTo>
                        <a:pt x="4267493" y="777367"/>
                        <a:pt x="4213961" y="778891"/>
                        <a:pt x="4159667" y="789370"/>
                      </a:cubicBezTo>
                      <a:cubicBezTo>
                        <a:pt x="4148427" y="791656"/>
                        <a:pt x="4135854" y="792038"/>
                        <a:pt x="4124614" y="789752"/>
                      </a:cubicBezTo>
                      <a:cubicBezTo>
                        <a:pt x="4092989" y="783083"/>
                        <a:pt x="4062318" y="772033"/>
                        <a:pt x="4030503" y="767271"/>
                      </a:cubicBezTo>
                      <a:cubicBezTo>
                        <a:pt x="3977925" y="759461"/>
                        <a:pt x="3932394" y="785749"/>
                        <a:pt x="3885338" y="802896"/>
                      </a:cubicBezTo>
                      <a:cubicBezTo>
                        <a:pt x="3840569" y="819089"/>
                        <a:pt x="3802467" y="855666"/>
                        <a:pt x="3749506" y="847473"/>
                      </a:cubicBezTo>
                      <a:cubicBezTo>
                        <a:pt x="3744173" y="846711"/>
                        <a:pt x="3738267" y="851856"/>
                        <a:pt x="3732361" y="853190"/>
                      </a:cubicBezTo>
                      <a:cubicBezTo>
                        <a:pt x="3716168" y="856810"/>
                        <a:pt x="3699976" y="861190"/>
                        <a:pt x="3683591" y="862906"/>
                      </a:cubicBezTo>
                      <a:cubicBezTo>
                        <a:pt x="3663589" y="865192"/>
                        <a:pt x="3643204" y="864430"/>
                        <a:pt x="3623201" y="866334"/>
                      </a:cubicBezTo>
                      <a:cubicBezTo>
                        <a:pt x="3597482" y="868620"/>
                        <a:pt x="3572146" y="874716"/>
                        <a:pt x="3546617" y="874716"/>
                      </a:cubicBezTo>
                      <a:cubicBezTo>
                        <a:pt x="3526042" y="874716"/>
                        <a:pt x="3505657" y="867668"/>
                        <a:pt x="3485275" y="864238"/>
                      </a:cubicBezTo>
                      <a:cubicBezTo>
                        <a:pt x="3456508" y="859476"/>
                        <a:pt x="3424883" y="860810"/>
                        <a:pt x="3399546" y="848618"/>
                      </a:cubicBezTo>
                      <a:cubicBezTo>
                        <a:pt x="3372495" y="835663"/>
                        <a:pt x="3346776" y="829757"/>
                        <a:pt x="3318771" y="833757"/>
                      </a:cubicBezTo>
                      <a:cubicBezTo>
                        <a:pt x="3309437" y="835091"/>
                        <a:pt x="3297434" y="843093"/>
                        <a:pt x="3293244" y="851284"/>
                      </a:cubicBezTo>
                      <a:cubicBezTo>
                        <a:pt x="3283908" y="869572"/>
                        <a:pt x="3271145" y="872812"/>
                        <a:pt x="3253809" y="866524"/>
                      </a:cubicBezTo>
                      <a:cubicBezTo>
                        <a:pt x="3238758" y="861190"/>
                        <a:pt x="3220280" y="858524"/>
                        <a:pt x="3209993" y="848235"/>
                      </a:cubicBezTo>
                      <a:cubicBezTo>
                        <a:pt x="3180844" y="819089"/>
                        <a:pt x="3143695" y="818136"/>
                        <a:pt x="3107500" y="810326"/>
                      </a:cubicBezTo>
                      <a:cubicBezTo>
                        <a:pt x="3085403" y="805562"/>
                        <a:pt x="3064827" y="805372"/>
                        <a:pt x="3042728" y="808610"/>
                      </a:cubicBezTo>
                      <a:cubicBezTo>
                        <a:pt x="2994722" y="815850"/>
                        <a:pt x="2948047" y="805562"/>
                        <a:pt x="2901943" y="792418"/>
                      </a:cubicBezTo>
                      <a:cubicBezTo>
                        <a:pt x="2871462" y="783655"/>
                        <a:pt x="2840219" y="778321"/>
                        <a:pt x="2809930" y="769367"/>
                      </a:cubicBezTo>
                      <a:cubicBezTo>
                        <a:pt x="2787259" y="762509"/>
                        <a:pt x="2764590" y="754316"/>
                        <a:pt x="2743826" y="743268"/>
                      </a:cubicBezTo>
                      <a:cubicBezTo>
                        <a:pt x="2713723" y="727073"/>
                        <a:pt x="2687436" y="702689"/>
                        <a:pt x="2649143" y="709167"/>
                      </a:cubicBezTo>
                      <a:cubicBezTo>
                        <a:pt x="2615421" y="714881"/>
                        <a:pt x="2584942" y="702881"/>
                        <a:pt x="2554079" y="691450"/>
                      </a:cubicBezTo>
                      <a:cubicBezTo>
                        <a:pt x="2531409" y="683068"/>
                        <a:pt x="2508742" y="674494"/>
                        <a:pt x="2485307" y="669160"/>
                      </a:cubicBezTo>
                      <a:cubicBezTo>
                        <a:pt x="2457492" y="662873"/>
                        <a:pt x="2426059" y="665541"/>
                        <a:pt x="2401292" y="653919"/>
                      </a:cubicBezTo>
                      <a:cubicBezTo>
                        <a:pt x="2375383" y="641727"/>
                        <a:pt x="2353859" y="649919"/>
                        <a:pt x="2330806" y="653349"/>
                      </a:cubicBezTo>
                      <a:cubicBezTo>
                        <a:pt x="2294039" y="658683"/>
                        <a:pt x="2257459" y="668590"/>
                        <a:pt x="2220312" y="656015"/>
                      </a:cubicBezTo>
                      <a:cubicBezTo>
                        <a:pt x="2175163" y="640775"/>
                        <a:pt x="2130393" y="624392"/>
                        <a:pt x="2085054" y="609914"/>
                      </a:cubicBezTo>
                      <a:cubicBezTo>
                        <a:pt x="2067525" y="604387"/>
                        <a:pt x="2048668" y="602101"/>
                        <a:pt x="2030378" y="599625"/>
                      </a:cubicBezTo>
                      <a:cubicBezTo>
                        <a:pt x="2013043" y="597529"/>
                        <a:pt x="1992279" y="602863"/>
                        <a:pt x="1978940" y="594863"/>
                      </a:cubicBezTo>
                      <a:cubicBezTo>
                        <a:pt x="1944649" y="574288"/>
                        <a:pt x="1909408" y="564192"/>
                        <a:pt x="1869780" y="564192"/>
                      </a:cubicBezTo>
                      <a:cubicBezTo>
                        <a:pt x="1854920" y="564192"/>
                        <a:pt x="1840441" y="555618"/>
                        <a:pt x="1825393" y="554094"/>
                      </a:cubicBezTo>
                      <a:cubicBezTo>
                        <a:pt x="1804816" y="552190"/>
                        <a:pt x="1781194" y="547045"/>
                        <a:pt x="1763287" y="554286"/>
                      </a:cubicBezTo>
                      <a:cubicBezTo>
                        <a:pt x="1721185" y="571430"/>
                        <a:pt x="1687086" y="557142"/>
                        <a:pt x="1650317" y="540187"/>
                      </a:cubicBezTo>
                      <a:cubicBezTo>
                        <a:pt x="1614120" y="523423"/>
                        <a:pt x="1576019" y="510088"/>
                        <a:pt x="1537537" y="499038"/>
                      </a:cubicBezTo>
                      <a:cubicBezTo>
                        <a:pt x="1523059" y="495038"/>
                        <a:pt x="1505724" y="501706"/>
                        <a:pt x="1489720" y="503038"/>
                      </a:cubicBezTo>
                      <a:cubicBezTo>
                        <a:pt x="1484004" y="503420"/>
                        <a:pt x="1477717" y="503992"/>
                        <a:pt x="1472575" y="502086"/>
                      </a:cubicBezTo>
                      <a:cubicBezTo>
                        <a:pt x="1422854" y="483797"/>
                        <a:pt x="1372368" y="469891"/>
                        <a:pt x="1318456" y="479415"/>
                      </a:cubicBezTo>
                      <a:cubicBezTo>
                        <a:pt x="1313504" y="480369"/>
                        <a:pt x="1307978" y="478273"/>
                        <a:pt x="1303024" y="476939"/>
                      </a:cubicBezTo>
                      <a:cubicBezTo>
                        <a:pt x="1278829" y="470081"/>
                        <a:pt x="1255206" y="459223"/>
                        <a:pt x="1230633" y="456746"/>
                      </a:cubicBezTo>
                      <a:cubicBezTo>
                        <a:pt x="1170051" y="450650"/>
                        <a:pt x="1109091" y="448172"/>
                        <a:pt x="1048125" y="444172"/>
                      </a:cubicBezTo>
                      <a:cubicBezTo>
                        <a:pt x="1044315" y="443982"/>
                        <a:pt x="1040315" y="443982"/>
                        <a:pt x="1036887" y="442648"/>
                      </a:cubicBezTo>
                      <a:cubicBezTo>
                        <a:pt x="1014406" y="434456"/>
                        <a:pt x="994785" y="437124"/>
                        <a:pt x="975733" y="452744"/>
                      </a:cubicBezTo>
                      <a:cubicBezTo>
                        <a:pt x="967350" y="459603"/>
                        <a:pt x="955920" y="463223"/>
                        <a:pt x="945444" y="467033"/>
                      </a:cubicBezTo>
                      <a:cubicBezTo>
                        <a:pt x="930011" y="472749"/>
                        <a:pt x="914200" y="478273"/>
                        <a:pt x="898198" y="481893"/>
                      </a:cubicBezTo>
                      <a:cubicBezTo>
                        <a:pt x="882384" y="485321"/>
                        <a:pt x="865430" y="490084"/>
                        <a:pt x="850189" y="487417"/>
                      </a:cubicBezTo>
                      <a:cubicBezTo>
                        <a:pt x="822756" y="482655"/>
                        <a:pt x="796655" y="471987"/>
                        <a:pt x="769605" y="464937"/>
                      </a:cubicBezTo>
                      <a:cubicBezTo>
                        <a:pt x="760270" y="462461"/>
                        <a:pt x="749982" y="462843"/>
                        <a:pt x="740268" y="462651"/>
                      </a:cubicBezTo>
                      <a:cubicBezTo>
                        <a:pt x="717977" y="462081"/>
                        <a:pt x="695116" y="467605"/>
                        <a:pt x="674923" y="451792"/>
                      </a:cubicBezTo>
                      <a:cubicBezTo>
                        <a:pt x="656255" y="436934"/>
                        <a:pt x="637392" y="441314"/>
                        <a:pt x="617772" y="452554"/>
                      </a:cubicBezTo>
                      <a:cubicBezTo>
                        <a:pt x="603673" y="460557"/>
                        <a:pt x="587672" y="466843"/>
                        <a:pt x="571860" y="469891"/>
                      </a:cubicBezTo>
                      <a:cubicBezTo>
                        <a:pt x="550141" y="474081"/>
                        <a:pt x="528615" y="475797"/>
                        <a:pt x="505182" y="473319"/>
                      </a:cubicBezTo>
                      <a:cubicBezTo>
                        <a:pt x="488607" y="471605"/>
                        <a:pt x="475081" y="470843"/>
                        <a:pt x="462126" y="460747"/>
                      </a:cubicBezTo>
                      <a:cubicBezTo>
                        <a:pt x="460032" y="459223"/>
                        <a:pt x="456222" y="458841"/>
                        <a:pt x="453364" y="459033"/>
                      </a:cubicBezTo>
                      <a:cubicBezTo>
                        <a:pt x="415835" y="462271"/>
                        <a:pt x="378686" y="460557"/>
                        <a:pt x="340774" y="458268"/>
                      </a:cubicBezTo>
                      <a:cubicBezTo>
                        <a:pt x="292579" y="455222"/>
                        <a:pt x="241901" y="464175"/>
                        <a:pt x="200182" y="496180"/>
                      </a:cubicBezTo>
                      <a:cubicBezTo>
                        <a:pt x="194085" y="500944"/>
                        <a:pt x="184941" y="503038"/>
                        <a:pt x="176939" y="504182"/>
                      </a:cubicBezTo>
                      <a:cubicBezTo>
                        <a:pt x="139219" y="509134"/>
                        <a:pt x="101308" y="512564"/>
                        <a:pt x="63587" y="518088"/>
                      </a:cubicBezTo>
                      <a:cubicBezTo>
                        <a:pt x="43012" y="521137"/>
                        <a:pt x="21486" y="523805"/>
                        <a:pt x="2817" y="532187"/>
                      </a:cubicBezTo>
                      <a:lnTo>
                        <a:pt x="0" y="533314"/>
                      </a:lnTo>
                      <a:close/>
                    </a:path>
                  </a:pathLst>
                </a:custGeom>
                <a:grpFill/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algn="ctr"/>
                  <a:endParaRPr lang="en-US"/>
                </a:p>
              </p:txBody>
            </p:sp>
            <p:sp>
              <p:nvSpPr>
                <p:cNvPr id="19" name="Freeform: Shape 18">
                  <a:extLst>
                    <a:ext uri="{FF2B5EF4-FFF2-40B4-BE49-F238E27FC236}">
                      <a16:creationId xmlns:a16="http://schemas.microsoft.com/office/drawing/2014/main" id="{83BEF371-1E22-4C4F-A62F-AC6B92CAE0B5}"/>
                    </a:ext>
                    <a:ext uri="{C183D7F6-B498-43B3-948B-1728B52AA6E4}">
                      <adec:decorative xmlns:adec="http://schemas.microsoft.com/office/drawing/2017/decorative" val="1"/>
                    </a:ext>
                  </a:extLst>
                </p:cNvPr>
                <p:cNvSpPr/>
                <p:nvPr>
                  <p:extLst>
                    <p:ext uri="{386F3935-93C4-4BCD-93E2-E3B085C9AB24}">
                      <p16:designElem xmlns:p16="http://schemas.microsoft.com/office/powerpoint/2015/main" val="1"/>
                    </p:ext>
                  </p:extLst>
                </p:nvPr>
              </p:nvSpPr>
              <p:spPr>
                <a:xfrm rot="16200000" flipH="1">
                  <a:off x="715166" y="2991642"/>
                  <a:ext cx="6858001" cy="874716"/>
                </a:xfrm>
                <a:custGeom>
                  <a:avLst/>
                  <a:gdLst>
                    <a:gd name="connsiteX0" fmla="*/ 0 w 6858001"/>
                    <a:gd name="connsiteY0" fmla="*/ 533314 h 874716"/>
                    <a:gd name="connsiteX1" fmla="*/ 0 w 6858001"/>
                    <a:gd name="connsiteY1" fmla="*/ 69206 h 874716"/>
                    <a:gd name="connsiteX2" fmla="*/ 21486 w 6858001"/>
                    <a:gd name="connsiteY2" fmla="*/ 71924 h 874716"/>
                    <a:gd name="connsiteX3" fmla="*/ 228948 w 6858001"/>
                    <a:gd name="connsiteY3" fmla="*/ 88116 h 874716"/>
                    <a:gd name="connsiteX4" fmla="*/ 313533 w 6858001"/>
                    <a:gd name="connsiteY4" fmla="*/ 62779 h 874716"/>
                    <a:gd name="connsiteX5" fmla="*/ 338870 w 6858001"/>
                    <a:gd name="connsiteY5" fmla="*/ 62207 h 874716"/>
                    <a:gd name="connsiteX6" fmla="*/ 395640 w 6858001"/>
                    <a:gd name="connsiteY6" fmla="*/ 72114 h 874716"/>
                    <a:gd name="connsiteX7" fmla="*/ 512802 w 6858001"/>
                    <a:gd name="connsiteY7" fmla="*/ 65446 h 874716"/>
                    <a:gd name="connsiteX8" fmla="*/ 556047 w 6858001"/>
                    <a:gd name="connsiteY8" fmla="*/ 55349 h 874716"/>
                    <a:gd name="connsiteX9" fmla="*/ 580050 w 6858001"/>
                    <a:gd name="connsiteY9" fmla="*/ 48871 h 874716"/>
                    <a:gd name="connsiteX10" fmla="*/ 703308 w 6858001"/>
                    <a:gd name="connsiteY10" fmla="*/ 30964 h 874716"/>
                    <a:gd name="connsiteX11" fmla="*/ 758174 w 6858001"/>
                    <a:gd name="connsiteY11" fmla="*/ 11724 h 874716"/>
                    <a:gd name="connsiteX12" fmla="*/ 773035 w 6858001"/>
                    <a:gd name="connsiteY12" fmla="*/ 8866 h 874716"/>
                    <a:gd name="connsiteX13" fmla="*/ 854379 w 6858001"/>
                    <a:gd name="connsiteY13" fmla="*/ 16866 h 874716"/>
                    <a:gd name="connsiteX14" fmla="*/ 915343 w 6858001"/>
                    <a:gd name="connsiteY14" fmla="*/ 47919 h 874716"/>
                    <a:gd name="connsiteX15" fmla="*/ 927155 w 6858001"/>
                    <a:gd name="connsiteY15" fmla="*/ 58397 h 874716"/>
                    <a:gd name="connsiteX16" fmla="*/ 1097087 w 6858001"/>
                    <a:gd name="connsiteY16" fmla="*/ 54777 h 874716"/>
                    <a:gd name="connsiteX17" fmla="*/ 1123185 w 6858001"/>
                    <a:gd name="connsiteY17" fmla="*/ 50395 h 874716"/>
                    <a:gd name="connsiteX18" fmla="*/ 1249302 w 6858001"/>
                    <a:gd name="connsiteY18" fmla="*/ 68684 h 874716"/>
                    <a:gd name="connsiteX19" fmla="*/ 1286069 w 6858001"/>
                    <a:gd name="connsiteY19" fmla="*/ 72304 h 874716"/>
                    <a:gd name="connsiteX20" fmla="*/ 1417899 w 6858001"/>
                    <a:gd name="connsiteY20" fmla="*/ 88688 h 874716"/>
                    <a:gd name="connsiteX21" fmla="*/ 1436568 w 6858001"/>
                    <a:gd name="connsiteY21" fmla="*/ 73448 h 874716"/>
                    <a:gd name="connsiteX22" fmla="*/ 1490292 w 6858001"/>
                    <a:gd name="connsiteY22" fmla="*/ 35154 h 874716"/>
                    <a:gd name="connsiteX23" fmla="*/ 1596213 w 6858001"/>
                    <a:gd name="connsiteY23" fmla="*/ 1245 h 874716"/>
                    <a:gd name="connsiteX24" fmla="*/ 1624980 w 6858001"/>
                    <a:gd name="connsiteY24" fmla="*/ 3150 h 874716"/>
                    <a:gd name="connsiteX25" fmla="*/ 1697753 w 6858001"/>
                    <a:gd name="connsiteY25" fmla="*/ 59731 h 874716"/>
                    <a:gd name="connsiteX26" fmla="*/ 1733188 w 6858001"/>
                    <a:gd name="connsiteY26" fmla="*/ 82400 h 874716"/>
                    <a:gd name="connsiteX27" fmla="*/ 1833775 w 6858001"/>
                    <a:gd name="connsiteY27" fmla="*/ 124121 h 874716"/>
                    <a:gd name="connsiteX28" fmla="*/ 1842158 w 6858001"/>
                    <a:gd name="connsiteY28" fmla="*/ 131742 h 874716"/>
                    <a:gd name="connsiteX29" fmla="*/ 1916454 w 6858001"/>
                    <a:gd name="connsiteY29" fmla="*/ 222233 h 874716"/>
                    <a:gd name="connsiteX30" fmla="*/ 1933219 w 6858001"/>
                    <a:gd name="connsiteY30" fmla="*/ 237663 h 874716"/>
                    <a:gd name="connsiteX31" fmla="*/ 1953413 w 6858001"/>
                    <a:gd name="connsiteY31" fmla="*/ 261668 h 874716"/>
                    <a:gd name="connsiteX32" fmla="*/ 2016469 w 6858001"/>
                    <a:gd name="connsiteY32" fmla="*/ 308151 h 874716"/>
                    <a:gd name="connsiteX33" fmla="*/ 2094578 w 6858001"/>
                    <a:gd name="connsiteY33" fmla="*/ 323010 h 874716"/>
                    <a:gd name="connsiteX34" fmla="*/ 2188879 w 6858001"/>
                    <a:gd name="connsiteY34" fmla="*/ 345681 h 874716"/>
                    <a:gd name="connsiteX35" fmla="*/ 2228314 w 6858001"/>
                    <a:gd name="connsiteY35" fmla="*/ 360921 h 874716"/>
                    <a:gd name="connsiteX36" fmla="*/ 2334044 w 6858001"/>
                    <a:gd name="connsiteY36" fmla="*/ 389878 h 874716"/>
                    <a:gd name="connsiteX37" fmla="*/ 2409485 w 6858001"/>
                    <a:gd name="connsiteY37" fmla="*/ 414263 h 874716"/>
                    <a:gd name="connsiteX38" fmla="*/ 2518264 w 6858001"/>
                    <a:gd name="connsiteY38" fmla="*/ 428552 h 874716"/>
                    <a:gd name="connsiteX39" fmla="*/ 2571034 w 6858001"/>
                    <a:gd name="connsiteY39" fmla="*/ 429122 h 874716"/>
                    <a:gd name="connsiteX40" fmla="*/ 2668001 w 6858001"/>
                    <a:gd name="connsiteY40" fmla="*/ 502276 h 874716"/>
                    <a:gd name="connsiteX41" fmla="*/ 2745348 w 6858001"/>
                    <a:gd name="connsiteY41" fmla="*/ 550666 h 874716"/>
                    <a:gd name="connsiteX42" fmla="*/ 2826694 w 6858001"/>
                    <a:gd name="connsiteY42" fmla="*/ 527233 h 874716"/>
                    <a:gd name="connsiteX43" fmla="*/ 2848793 w 6858001"/>
                    <a:gd name="connsiteY43" fmla="*/ 505134 h 874716"/>
                    <a:gd name="connsiteX44" fmla="*/ 2982148 w 6858001"/>
                    <a:gd name="connsiteY44" fmla="*/ 484179 h 874716"/>
                    <a:gd name="connsiteX45" fmla="*/ 3172654 w 6858001"/>
                    <a:gd name="connsiteY45" fmla="*/ 483417 h 874716"/>
                    <a:gd name="connsiteX46" fmla="*/ 3489467 w 6858001"/>
                    <a:gd name="connsiteY46" fmla="*/ 435790 h 874716"/>
                    <a:gd name="connsiteX47" fmla="*/ 3544713 w 6858001"/>
                    <a:gd name="connsiteY47" fmla="*/ 413691 h 874716"/>
                    <a:gd name="connsiteX48" fmla="*/ 3606817 w 6858001"/>
                    <a:gd name="connsiteY48" fmla="*/ 408167 h 874716"/>
                    <a:gd name="connsiteX49" fmla="*/ 3630632 w 6858001"/>
                    <a:gd name="connsiteY49" fmla="*/ 421693 h 874716"/>
                    <a:gd name="connsiteX50" fmla="*/ 3734837 w 6858001"/>
                    <a:gd name="connsiteY50" fmla="*/ 441886 h 874716"/>
                    <a:gd name="connsiteX51" fmla="*/ 3754652 w 6858001"/>
                    <a:gd name="connsiteY51" fmla="*/ 442268 h 874716"/>
                    <a:gd name="connsiteX52" fmla="*/ 3822472 w 6858001"/>
                    <a:gd name="connsiteY52" fmla="*/ 433694 h 874716"/>
                    <a:gd name="connsiteX53" fmla="*/ 3885338 w 6858001"/>
                    <a:gd name="connsiteY53" fmla="*/ 428742 h 874716"/>
                    <a:gd name="connsiteX54" fmla="*/ 4043839 w 6858001"/>
                    <a:gd name="connsiteY54" fmla="*/ 444934 h 874716"/>
                    <a:gd name="connsiteX55" fmla="*/ 4165383 w 6858001"/>
                    <a:gd name="connsiteY55" fmla="*/ 441124 h 874716"/>
                    <a:gd name="connsiteX56" fmla="*/ 4221391 w 6858001"/>
                    <a:gd name="connsiteY56" fmla="*/ 444934 h 874716"/>
                    <a:gd name="connsiteX57" fmla="*/ 4253014 w 6858001"/>
                    <a:gd name="connsiteY57" fmla="*/ 450650 h 874716"/>
                    <a:gd name="connsiteX58" fmla="*/ 4324645 w 6858001"/>
                    <a:gd name="connsiteY58" fmla="*/ 490466 h 874716"/>
                    <a:gd name="connsiteX59" fmla="*/ 4363890 w 6858001"/>
                    <a:gd name="connsiteY59" fmla="*/ 499420 h 874716"/>
                    <a:gd name="connsiteX60" fmla="*/ 4482004 w 6858001"/>
                    <a:gd name="connsiteY60" fmla="*/ 498658 h 874716"/>
                    <a:gd name="connsiteX61" fmla="*/ 4659174 w 6858001"/>
                    <a:gd name="connsiteY61" fmla="*/ 438648 h 874716"/>
                    <a:gd name="connsiteX62" fmla="*/ 4677655 w 6858001"/>
                    <a:gd name="connsiteY62" fmla="*/ 430646 h 874716"/>
                    <a:gd name="connsiteX63" fmla="*/ 4767764 w 6858001"/>
                    <a:gd name="connsiteY63" fmla="*/ 420739 h 874716"/>
                    <a:gd name="connsiteX64" fmla="*/ 4828916 w 6858001"/>
                    <a:gd name="connsiteY64" fmla="*/ 434266 h 874716"/>
                    <a:gd name="connsiteX65" fmla="*/ 4912168 w 6858001"/>
                    <a:gd name="connsiteY65" fmla="*/ 462271 h 874716"/>
                    <a:gd name="connsiteX66" fmla="*/ 4987037 w 6858001"/>
                    <a:gd name="connsiteY66" fmla="*/ 485703 h 874716"/>
                    <a:gd name="connsiteX67" fmla="*/ 5041521 w 6858001"/>
                    <a:gd name="connsiteY67" fmla="*/ 512182 h 874716"/>
                    <a:gd name="connsiteX68" fmla="*/ 5166113 w 6858001"/>
                    <a:gd name="connsiteY68" fmla="*/ 531615 h 874716"/>
                    <a:gd name="connsiteX69" fmla="*/ 5179067 w 6858001"/>
                    <a:gd name="connsiteY69" fmla="*/ 534853 h 874716"/>
                    <a:gd name="connsiteX70" fmla="*/ 5272796 w 6858001"/>
                    <a:gd name="connsiteY70" fmla="*/ 511230 h 874716"/>
                    <a:gd name="connsiteX71" fmla="*/ 5385384 w 6858001"/>
                    <a:gd name="connsiteY71" fmla="*/ 487227 h 874716"/>
                    <a:gd name="connsiteX72" fmla="*/ 5425582 w 6858001"/>
                    <a:gd name="connsiteY72" fmla="*/ 495418 h 874716"/>
                    <a:gd name="connsiteX73" fmla="*/ 5480637 w 6858001"/>
                    <a:gd name="connsiteY73" fmla="*/ 507040 h 874716"/>
                    <a:gd name="connsiteX74" fmla="*/ 5531693 w 6858001"/>
                    <a:gd name="connsiteY74" fmla="*/ 500944 h 874716"/>
                    <a:gd name="connsiteX75" fmla="*/ 5562746 w 6858001"/>
                    <a:gd name="connsiteY75" fmla="*/ 500372 h 874716"/>
                    <a:gd name="connsiteX76" fmla="*/ 5704483 w 6858001"/>
                    <a:gd name="connsiteY76" fmla="*/ 571620 h 874716"/>
                    <a:gd name="connsiteX77" fmla="*/ 5740488 w 6858001"/>
                    <a:gd name="connsiteY77" fmla="*/ 577526 h 874716"/>
                    <a:gd name="connsiteX78" fmla="*/ 5760873 w 6858001"/>
                    <a:gd name="connsiteY78" fmla="*/ 586291 h 874716"/>
                    <a:gd name="connsiteX79" fmla="*/ 5883751 w 6858001"/>
                    <a:gd name="connsiteY79" fmla="*/ 674686 h 874716"/>
                    <a:gd name="connsiteX80" fmla="*/ 5935949 w 6858001"/>
                    <a:gd name="connsiteY80" fmla="*/ 692592 h 874716"/>
                    <a:gd name="connsiteX81" fmla="*/ 5993291 w 6858001"/>
                    <a:gd name="connsiteY81" fmla="*/ 688972 h 874716"/>
                    <a:gd name="connsiteX82" fmla="*/ 6026440 w 6858001"/>
                    <a:gd name="connsiteY82" fmla="*/ 682496 h 874716"/>
                    <a:gd name="connsiteX83" fmla="*/ 6108738 w 6858001"/>
                    <a:gd name="connsiteY83" fmla="*/ 626296 h 874716"/>
                    <a:gd name="connsiteX84" fmla="*/ 6155602 w 6858001"/>
                    <a:gd name="connsiteY84" fmla="*/ 628202 h 874716"/>
                    <a:gd name="connsiteX85" fmla="*/ 6228756 w 6858001"/>
                    <a:gd name="connsiteY85" fmla="*/ 666873 h 874716"/>
                    <a:gd name="connsiteX86" fmla="*/ 6361539 w 6858001"/>
                    <a:gd name="connsiteY86" fmla="*/ 684210 h 874716"/>
                    <a:gd name="connsiteX87" fmla="*/ 6428979 w 6858001"/>
                    <a:gd name="connsiteY87" fmla="*/ 630106 h 874716"/>
                    <a:gd name="connsiteX88" fmla="*/ 6463840 w 6858001"/>
                    <a:gd name="connsiteY88" fmla="*/ 578098 h 874716"/>
                    <a:gd name="connsiteX89" fmla="*/ 6564620 w 6858001"/>
                    <a:gd name="connsiteY89" fmla="*/ 517708 h 874716"/>
                    <a:gd name="connsiteX90" fmla="*/ 6588625 w 6858001"/>
                    <a:gd name="connsiteY90" fmla="*/ 540187 h 874716"/>
                    <a:gd name="connsiteX91" fmla="*/ 6662541 w 6858001"/>
                    <a:gd name="connsiteY91" fmla="*/ 549714 h 874716"/>
                    <a:gd name="connsiteX92" fmla="*/ 6742552 w 6858001"/>
                    <a:gd name="connsiteY92" fmla="*/ 548952 h 874716"/>
                    <a:gd name="connsiteX93" fmla="*/ 6812063 w 6858001"/>
                    <a:gd name="connsiteY93" fmla="*/ 568430 h 874716"/>
                    <a:gd name="connsiteX94" fmla="*/ 6858001 w 6858001"/>
                    <a:gd name="connsiteY94" fmla="*/ 562267 h 874716"/>
                    <a:gd name="connsiteX95" fmla="*/ 6858001 w 6858001"/>
                    <a:gd name="connsiteY95" fmla="*/ 734520 h 874716"/>
                    <a:gd name="connsiteX96" fmla="*/ 6815516 w 6858001"/>
                    <a:gd name="connsiteY96" fmla="*/ 744220 h 874716"/>
                    <a:gd name="connsiteX97" fmla="*/ 6748458 w 6858001"/>
                    <a:gd name="connsiteY97" fmla="*/ 763271 h 874716"/>
                    <a:gd name="connsiteX98" fmla="*/ 6584812 w 6858001"/>
                    <a:gd name="connsiteY98" fmla="*/ 784797 h 874716"/>
                    <a:gd name="connsiteX99" fmla="*/ 6415833 w 6858001"/>
                    <a:gd name="connsiteY99" fmla="*/ 805562 h 874716"/>
                    <a:gd name="connsiteX100" fmla="*/ 6323058 w 6858001"/>
                    <a:gd name="connsiteY100" fmla="*/ 812420 h 874716"/>
                    <a:gd name="connsiteX101" fmla="*/ 6242093 w 6858001"/>
                    <a:gd name="connsiteY101" fmla="*/ 823281 h 874716"/>
                    <a:gd name="connsiteX102" fmla="*/ 6171605 w 6858001"/>
                    <a:gd name="connsiteY102" fmla="*/ 830139 h 874716"/>
                    <a:gd name="connsiteX103" fmla="*/ 6059397 w 6858001"/>
                    <a:gd name="connsiteY103" fmla="*/ 844045 h 874716"/>
                    <a:gd name="connsiteX104" fmla="*/ 6012723 w 6858001"/>
                    <a:gd name="connsiteY104" fmla="*/ 847665 h 874716"/>
                    <a:gd name="connsiteX105" fmla="*/ 5902610 w 6858001"/>
                    <a:gd name="connsiteY105" fmla="*/ 847473 h 874716"/>
                    <a:gd name="connsiteX106" fmla="*/ 5864318 w 6858001"/>
                    <a:gd name="connsiteY106" fmla="*/ 845569 h 874716"/>
                    <a:gd name="connsiteX107" fmla="*/ 5790592 w 6858001"/>
                    <a:gd name="connsiteY107" fmla="*/ 821947 h 874716"/>
                    <a:gd name="connsiteX108" fmla="*/ 5781830 w 6858001"/>
                    <a:gd name="connsiteY108" fmla="*/ 820233 h 874716"/>
                    <a:gd name="connsiteX109" fmla="*/ 5733440 w 6858001"/>
                    <a:gd name="connsiteY109" fmla="*/ 810896 h 874716"/>
                    <a:gd name="connsiteX110" fmla="*/ 5706959 w 6858001"/>
                    <a:gd name="connsiteY110" fmla="*/ 807848 h 874716"/>
                    <a:gd name="connsiteX111" fmla="*/ 5606372 w 6858001"/>
                    <a:gd name="connsiteY111" fmla="*/ 788417 h 874716"/>
                    <a:gd name="connsiteX112" fmla="*/ 5548460 w 6858001"/>
                    <a:gd name="connsiteY112" fmla="*/ 779273 h 874716"/>
                    <a:gd name="connsiteX113" fmla="*/ 5501594 w 6858001"/>
                    <a:gd name="connsiteY113" fmla="*/ 780607 h 874716"/>
                    <a:gd name="connsiteX114" fmla="*/ 5419295 w 6858001"/>
                    <a:gd name="connsiteY114" fmla="*/ 782321 h 874716"/>
                    <a:gd name="connsiteX115" fmla="*/ 5393005 w 6858001"/>
                    <a:gd name="connsiteY115" fmla="*/ 786703 h 874716"/>
                    <a:gd name="connsiteX116" fmla="*/ 5274129 w 6858001"/>
                    <a:gd name="connsiteY116" fmla="*/ 774129 h 874716"/>
                    <a:gd name="connsiteX117" fmla="*/ 5206308 w 6858001"/>
                    <a:gd name="connsiteY117" fmla="*/ 773177 h 874716"/>
                    <a:gd name="connsiteX118" fmla="*/ 5129916 w 6858001"/>
                    <a:gd name="connsiteY118" fmla="*/ 757554 h 874716"/>
                    <a:gd name="connsiteX119" fmla="*/ 5107627 w 6858001"/>
                    <a:gd name="connsiteY119" fmla="*/ 758316 h 874716"/>
                    <a:gd name="connsiteX120" fmla="*/ 5082670 w 6858001"/>
                    <a:gd name="connsiteY120" fmla="*/ 759651 h 874716"/>
                    <a:gd name="connsiteX121" fmla="*/ 5006086 w 6858001"/>
                    <a:gd name="connsiteY121" fmla="*/ 760795 h 874716"/>
                    <a:gd name="connsiteX122" fmla="*/ 4959602 w 6858001"/>
                    <a:gd name="connsiteY122" fmla="*/ 766509 h 874716"/>
                    <a:gd name="connsiteX123" fmla="*/ 4871019 w 6858001"/>
                    <a:gd name="connsiteY123" fmla="*/ 763081 h 874716"/>
                    <a:gd name="connsiteX124" fmla="*/ 4838250 w 6858001"/>
                    <a:gd name="connsiteY124" fmla="*/ 768033 h 874716"/>
                    <a:gd name="connsiteX125" fmla="*/ 4755381 w 6858001"/>
                    <a:gd name="connsiteY125" fmla="*/ 768605 h 874716"/>
                    <a:gd name="connsiteX126" fmla="*/ 4681083 w 6858001"/>
                    <a:gd name="connsiteY126" fmla="*/ 765747 h 874716"/>
                    <a:gd name="connsiteX127" fmla="*/ 4609452 w 6858001"/>
                    <a:gd name="connsiteY127" fmla="*/ 767271 h 874716"/>
                    <a:gd name="connsiteX128" fmla="*/ 4558207 w 6858001"/>
                    <a:gd name="connsiteY128" fmla="*/ 773557 h 874716"/>
                    <a:gd name="connsiteX129" fmla="*/ 4502579 w 6858001"/>
                    <a:gd name="connsiteY129" fmla="*/ 777367 h 874716"/>
                    <a:gd name="connsiteX130" fmla="*/ 4349222 w 6858001"/>
                    <a:gd name="connsiteY130" fmla="*/ 800038 h 874716"/>
                    <a:gd name="connsiteX131" fmla="*/ 4320837 w 6858001"/>
                    <a:gd name="connsiteY131" fmla="*/ 794514 h 874716"/>
                    <a:gd name="connsiteX132" fmla="*/ 4159667 w 6858001"/>
                    <a:gd name="connsiteY132" fmla="*/ 789370 h 874716"/>
                    <a:gd name="connsiteX133" fmla="*/ 4124614 w 6858001"/>
                    <a:gd name="connsiteY133" fmla="*/ 789752 h 874716"/>
                    <a:gd name="connsiteX134" fmla="*/ 4030503 w 6858001"/>
                    <a:gd name="connsiteY134" fmla="*/ 767271 h 874716"/>
                    <a:gd name="connsiteX135" fmla="*/ 3885338 w 6858001"/>
                    <a:gd name="connsiteY135" fmla="*/ 802896 h 874716"/>
                    <a:gd name="connsiteX136" fmla="*/ 3749506 w 6858001"/>
                    <a:gd name="connsiteY136" fmla="*/ 847473 h 874716"/>
                    <a:gd name="connsiteX137" fmla="*/ 3732361 w 6858001"/>
                    <a:gd name="connsiteY137" fmla="*/ 853190 h 874716"/>
                    <a:gd name="connsiteX138" fmla="*/ 3683591 w 6858001"/>
                    <a:gd name="connsiteY138" fmla="*/ 862906 h 874716"/>
                    <a:gd name="connsiteX139" fmla="*/ 3623201 w 6858001"/>
                    <a:gd name="connsiteY139" fmla="*/ 866334 h 874716"/>
                    <a:gd name="connsiteX140" fmla="*/ 3546617 w 6858001"/>
                    <a:gd name="connsiteY140" fmla="*/ 874716 h 874716"/>
                    <a:gd name="connsiteX141" fmla="*/ 3485275 w 6858001"/>
                    <a:gd name="connsiteY141" fmla="*/ 864238 h 874716"/>
                    <a:gd name="connsiteX142" fmla="*/ 3399546 w 6858001"/>
                    <a:gd name="connsiteY142" fmla="*/ 848618 h 874716"/>
                    <a:gd name="connsiteX143" fmla="*/ 3318771 w 6858001"/>
                    <a:gd name="connsiteY143" fmla="*/ 833757 h 874716"/>
                    <a:gd name="connsiteX144" fmla="*/ 3293244 w 6858001"/>
                    <a:gd name="connsiteY144" fmla="*/ 851284 h 874716"/>
                    <a:gd name="connsiteX145" fmla="*/ 3253809 w 6858001"/>
                    <a:gd name="connsiteY145" fmla="*/ 866524 h 874716"/>
                    <a:gd name="connsiteX146" fmla="*/ 3209993 w 6858001"/>
                    <a:gd name="connsiteY146" fmla="*/ 848235 h 874716"/>
                    <a:gd name="connsiteX147" fmla="*/ 3107500 w 6858001"/>
                    <a:gd name="connsiteY147" fmla="*/ 810326 h 874716"/>
                    <a:gd name="connsiteX148" fmla="*/ 3042728 w 6858001"/>
                    <a:gd name="connsiteY148" fmla="*/ 808610 h 874716"/>
                    <a:gd name="connsiteX149" fmla="*/ 2901943 w 6858001"/>
                    <a:gd name="connsiteY149" fmla="*/ 792418 h 874716"/>
                    <a:gd name="connsiteX150" fmla="*/ 2809930 w 6858001"/>
                    <a:gd name="connsiteY150" fmla="*/ 769367 h 874716"/>
                    <a:gd name="connsiteX151" fmla="*/ 2743826 w 6858001"/>
                    <a:gd name="connsiteY151" fmla="*/ 743268 h 874716"/>
                    <a:gd name="connsiteX152" fmla="*/ 2649143 w 6858001"/>
                    <a:gd name="connsiteY152" fmla="*/ 709167 h 874716"/>
                    <a:gd name="connsiteX153" fmla="*/ 2554079 w 6858001"/>
                    <a:gd name="connsiteY153" fmla="*/ 691450 h 874716"/>
                    <a:gd name="connsiteX154" fmla="*/ 2485307 w 6858001"/>
                    <a:gd name="connsiteY154" fmla="*/ 669160 h 874716"/>
                    <a:gd name="connsiteX155" fmla="*/ 2401292 w 6858001"/>
                    <a:gd name="connsiteY155" fmla="*/ 653919 h 874716"/>
                    <a:gd name="connsiteX156" fmla="*/ 2330806 w 6858001"/>
                    <a:gd name="connsiteY156" fmla="*/ 653349 h 874716"/>
                    <a:gd name="connsiteX157" fmla="*/ 2220312 w 6858001"/>
                    <a:gd name="connsiteY157" fmla="*/ 656015 h 874716"/>
                    <a:gd name="connsiteX158" fmla="*/ 2085054 w 6858001"/>
                    <a:gd name="connsiteY158" fmla="*/ 609914 h 874716"/>
                    <a:gd name="connsiteX159" fmla="*/ 2030378 w 6858001"/>
                    <a:gd name="connsiteY159" fmla="*/ 599625 h 874716"/>
                    <a:gd name="connsiteX160" fmla="*/ 1978940 w 6858001"/>
                    <a:gd name="connsiteY160" fmla="*/ 594863 h 874716"/>
                    <a:gd name="connsiteX161" fmla="*/ 1869780 w 6858001"/>
                    <a:gd name="connsiteY161" fmla="*/ 564192 h 874716"/>
                    <a:gd name="connsiteX162" fmla="*/ 1825393 w 6858001"/>
                    <a:gd name="connsiteY162" fmla="*/ 554094 h 874716"/>
                    <a:gd name="connsiteX163" fmla="*/ 1763287 w 6858001"/>
                    <a:gd name="connsiteY163" fmla="*/ 554286 h 874716"/>
                    <a:gd name="connsiteX164" fmla="*/ 1650317 w 6858001"/>
                    <a:gd name="connsiteY164" fmla="*/ 540187 h 874716"/>
                    <a:gd name="connsiteX165" fmla="*/ 1537537 w 6858001"/>
                    <a:gd name="connsiteY165" fmla="*/ 499038 h 874716"/>
                    <a:gd name="connsiteX166" fmla="*/ 1489720 w 6858001"/>
                    <a:gd name="connsiteY166" fmla="*/ 503038 h 874716"/>
                    <a:gd name="connsiteX167" fmla="*/ 1472575 w 6858001"/>
                    <a:gd name="connsiteY167" fmla="*/ 502086 h 874716"/>
                    <a:gd name="connsiteX168" fmla="*/ 1318456 w 6858001"/>
                    <a:gd name="connsiteY168" fmla="*/ 479415 h 874716"/>
                    <a:gd name="connsiteX169" fmla="*/ 1303024 w 6858001"/>
                    <a:gd name="connsiteY169" fmla="*/ 476939 h 874716"/>
                    <a:gd name="connsiteX170" fmla="*/ 1230633 w 6858001"/>
                    <a:gd name="connsiteY170" fmla="*/ 456746 h 874716"/>
                    <a:gd name="connsiteX171" fmla="*/ 1048125 w 6858001"/>
                    <a:gd name="connsiteY171" fmla="*/ 444172 h 874716"/>
                    <a:gd name="connsiteX172" fmla="*/ 1036887 w 6858001"/>
                    <a:gd name="connsiteY172" fmla="*/ 442648 h 874716"/>
                    <a:gd name="connsiteX173" fmla="*/ 975733 w 6858001"/>
                    <a:gd name="connsiteY173" fmla="*/ 452744 h 874716"/>
                    <a:gd name="connsiteX174" fmla="*/ 945444 w 6858001"/>
                    <a:gd name="connsiteY174" fmla="*/ 467033 h 874716"/>
                    <a:gd name="connsiteX175" fmla="*/ 898198 w 6858001"/>
                    <a:gd name="connsiteY175" fmla="*/ 481893 h 874716"/>
                    <a:gd name="connsiteX176" fmla="*/ 850189 w 6858001"/>
                    <a:gd name="connsiteY176" fmla="*/ 487417 h 874716"/>
                    <a:gd name="connsiteX177" fmla="*/ 769605 w 6858001"/>
                    <a:gd name="connsiteY177" fmla="*/ 464937 h 874716"/>
                    <a:gd name="connsiteX178" fmla="*/ 740268 w 6858001"/>
                    <a:gd name="connsiteY178" fmla="*/ 462651 h 874716"/>
                    <a:gd name="connsiteX179" fmla="*/ 674923 w 6858001"/>
                    <a:gd name="connsiteY179" fmla="*/ 451792 h 874716"/>
                    <a:gd name="connsiteX180" fmla="*/ 617772 w 6858001"/>
                    <a:gd name="connsiteY180" fmla="*/ 452554 h 874716"/>
                    <a:gd name="connsiteX181" fmla="*/ 571860 w 6858001"/>
                    <a:gd name="connsiteY181" fmla="*/ 469891 h 874716"/>
                    <a:gd name="connsiteX182" fmla="*/ 505182 w 6858001"/>
                    <a:gd name="connsiteY182" fmla="*/ 473319 h 874716"/>
                    <a:gd name="connsiteX183" fmla="*/ 462126 w 6858001"/>
                    <a:gd name="connsiteY183" fmla="*/ 460747 h 874716"/>
                    <a:gd name="connsiteX184" fmla="*/ 453364 w 6858001"/>
                    <a:gd name="connsiteY184" fmla="*/ 459033 h 874716"/>
                    <a:gd name="connsiteX185" fmla="*/ 340774 w 6858001"/>
                    <a:gd name="connsiteY185" fmla="*/ 458268 h 874716"/>
                    <a:gd name="connsiteX186" fmla="*/ 200182 w 6858001"/>
                    <a:gd name="connsiteY186" fmla="*/ 496180 h 874716"/>
                    <a:gd name="connsiteX187" fmla="*/ 176939 w 6858001"/>
                    <a:gd name="connsiteY187" fmla="*/ 504182 h 874716"/>
                    <a:gd name="connsiteX188" fmla="*/ 63587 w 6858001"/>
                    <a:gd name="connsiteY188" fmla="*/ 518088 h 874716"/>
                    <a:gd name="connsiteX189" fmla="*/ 2817 w 6858001"/>
                    <a:gd name="connsiteY189" fmla="*/ 532187 h 874716"/>
                    <a:gd name="connsiteX190" fmla="*/ 0 w 6858001"/>
                    <a:gd name="connsiteY190" fmla="*/ 533314 h 874716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  <a:cxn ang="0">
                      <a:pos x="connsiteX18" y="connsiteY18"/>
                    </a:cxn>
                    <a:cxn ang="0">
                      <a:pos x="connsiteX19" y="connsiteY19"/>
                    </a:cxn>
                    <a:cxn ang="0">
                      <a:pos x="connsiteX20" y="connsiteY20"/>
                    </a:cxn>
                    <a:cxn ang="0">
                      <a:pos x="connsiteX21" y="connsiteY21"/>
                    </a:cxn>
                    <a:cxn ang="0">
                      <a:pos x="connsiteX22" y="connsiteY22"/>
                    </a:cxn>
                    <a:cxn ang="0">
                      <a:pos x="connsiteX23" y="connsiteY23"/>
                    </a:cxn>
                    <a:cxn ang="0">
                      <a:pos x="connsiteX24" y="connsiteY24"/>
                    </a:cxn>
                    <a:cxn ang="0">
                      <a:pos x="connsiteX25" y="connsiteY25"/>
                    </a:cxn>
                    <a:cxn ang="0">
                      <a:pos x="connsiteX26" y="connsiteY26"/>
                    </a:cxn>
                    <a:cxn ang="0">
                      <a:pos x="connsiteX27" y="connsiteY27"/>
                    </a:cxn>
                    <a:cxn ang="0">
                      <a:pos x="connsiteX28" y="connsiteY28"/>
                    </a:cxn>
                    <a:cxn ang="0">
                      <a:pos x="connsiteX29" y="connsiteY29"/>
                    </a:cxn>
                    <a:cxn ang="0">
                      <a:pos x="connsiteX30" y="connsiteY30"/>
                    </a:cxn>
                    <a:cxn ang="0">
                      <a:pos x="connsiteX31" y="connsiteY31"/>
                    </a:cxn>
                    <a:cxn ang="0">
                      <a:pos x="connsiteX32" y="connsiteY32"/>
                    </a:cxn>
                    <a:cxn ang="0">
                      <a:pos x="connsiteX33" y="connsiteY33"/>
                    </a:cxn>
                    <a:cxn ang="0">
                      <a:pos x="connsiteX34" y="connsiteY34"/>
                    </a:cxn>
                    <a:cxn ang="0">
                      <a:pos x="connsiteX35" y="connsiteY35"/>
                    </a:cxn>
                    <a:cxn ang="0">
                      <a:pos x="connsiteX36" y="connsiteY36"/>
                    </a:cxn>
                    <a:cxn ang="0">
                      <a:pos x="connsiteX37" y="connsiteY37"/>
                    </a:cxn>
                    <a:cxn ang="0">
                      <a:pos x="connsiteX38" y="connsiteY38"/>
                    </a:cxn>
                    <a:cxn ang="0">
                      <a:pos x="connsiteX39" y="connsiteY39"/>
                    </a:cxn>
                    <a:cxn ang="0">
                      <a:pos x="connsiteX40" y="connsiteY40"/>
                    </a:cxn>
                    <a:cxn ang="0">
                      <a:pos x="connsiteX41" y="connsiteY41"/>
                    </a:cxn>
                    <a:cxn ang="0">
                      <a:pos x="connsiteX42" y="connsiteY42"/>
                    </a:cxn>
                    <a:cxn ang="0">
                      <a:pos x="connsiteX43" y="connsiteY43"/>
                    </a:cxn>
                    <a:cxn ang="0">
                      <a:pos x="connsiteX44" y="connsiteY44"/>
                    </a:cxn>
                    <a:cxn ang="0">
                      <a:pos x="connsiteX45" y="connsiteY45"/>
                    </a:cxn>
                    <a:cxn ang="0">
                      <a:pos x="connsiteX46" y="connsiteY46"/>
                    </a:cxn>
                    <a:cxn ang="0">
                      <a:pos x="connsiteX47" y="connsiteY47"/>
                    </a:cxn>
                    <a:cxn ang="0">
                      <a:pos x="connsiteX48" y="connsiteY48"/>
                    </a:cxn>
                    <a:cxn ang="0">
                      <a:pos x="connsiteX49" y="connsiteY49"/>
                    </a:cxn>
                    <a:cxn ang="0">
                      <a:pos x="connsiteX50" y="connsiteY50"/>
                    </a:cxn>
                    <a:cxn ang="0">
                      <a:pos x="connsiteX51" y="connsiteY51"/>
                    </a:cxn>
                    <a:cxn ang="0">
                      <a:pos x="connsiteX52" y="connsiteY52"/>
                    </a:cxn>
                    <a:cxn ang="0">
                      <a:pos x="connsiteX53" y="connsiteY53"/>
                    </a:cxn>
                    <a:cxn ang="0">
                      <a:pos x="connsiteX54" y="connsiteY54"/>
                    </a:cxn>
                    <a:cxn ang="0">
                      <a:pos x="connsiteX55" y="connsiteY55"/>
                    </a:cxn>
                    <a:cxn ang="0">
                      <a:pos x="connsiteX56" y="connsiteY56"/>
                    </a:cxn>
                    <a:cxn ang="0">
                      <a:pos x="connsiteX57" y="connsiteY57"/>
                    </a:cxn>
                    <a:cxn ang="0">
                      <a:pos x="connsiteX58" y="connsiteY58"/>
                    </a:cxn>
                    <a:cxn ang="0">
                      <a:pos x="connsiteX59" y="connsiteY59"/>
                    </a:cxn>
                    <a:cxn ang="0">
                      <a:pos x="connsiteX60" y="connsiteY60"/>
                    </a:cxn>
                    <a:cxn ang="0">
                      <a:pos x="connsiteX61" y="connsiteY61"/>
                    </a:cxn>
                    <a:cxn ang="0">
                      <a:pos x="connsiteX62" y="connsiteY62"/>
                    </a:cxn>
                    <a:cxn ang="0">
                      <a:pos x="connsiteX63" y="connsiteY63"/>
                    </a:cxn>
                    <a:cxn ang="0">
                      <a:pos x="connsiteX64" y="connsiteY64"/>
                    </a:cxn>
                    <a:cxn ang="0">
                      <a:pos x="connsiteX65" y="connsiteY65"/>
                    </a:cxn>
                    <a:cxn ang="0">
                      <a:pos x="connsiteX66" y="connsiteY66"/>
                    </a:cxn>
                    <a:cxn ang="0">
                      <a:pos x="connsiteX67" y="connsiteY67"/>
                    </a:cxn>
                    <a:cxn ang="0">
                      <a:pos x="connsiteX68" y="connsiteY68"/>
                    </a:cxn>
                    <a:cxn ang="0">
                      <a:pos x="connsiteX69" y="connsiteY69"/>
                    </a:cxn>
                    <a:cxn ang="0">
                      <a:pos x="connsiteX70" y="connsiteY70"/>
                    </a:cxn>
                    <a:cxn ang="0">
                      <a:pos x="connsiteX71" y="connsiteY71"/>
                    </a:cxn>
                    <a:cxn ang="0">
                      <a:pos x="connsiteX72" y="connsiteY72"/>
                    </a:cxn>
                    <a:cxn ang="0">
                      <a:pos x="connsiteX73" y="connsiteY73"/>
                    </a:cxn>
                    <a:cxn ang="0">
                      <a:pos x="connsiteX74" y="connsiteY74"/>
                    </a:cxn>
                    <a:cxn ang="0">
                      <a:pos x="connsiteX75" y="connsiteY75"/>
                    </a:cxn>
                    <a:cxn ang="0">
                      <a:pos x="connsiteX76" y="connsiteY76"/>
                    </a:cxn>
                    <a:cxn ang="0">
                      <a:pos x="connsiteX77" y="connsiteY77"/>
                    </a:cxn>
                    <a:cxn ang="0">
                      <a:pos x="connsiteX78" y="connsiteY78"/>
                    </a:cxn>
                    <a:cxn ang="0">
                      <a:pos x="connsiteX79" y="connsiteY79"/>
                    </a:cxn>
                    <a:cxn ang="0">
                      <a:pos x="connsiteX80" y="connsiteY80"/>
                    </a:cxn>
                    <a:cxn ang="0">
                      <a:pos x="connsiteX81" y="connsiteY81"/>
                    </a:cxn>
                    <a:cxn ang="0">
                      <a:pos x="connsiteX82" y="connsiteY82"/>
                    </a:cxn>
                    <a:cxn ang="0">
                      <a:pos x="connsiteX83" y="connsiteY83"/>
                    </a:cxn>
                    <a:cxn ang="0">
                      <a:pos x="connsiteX84" y="connsiteY84"/>
                    </a:cxn>
                    <a:cxn ang="0">
                      <a:pos x="connsiteX85" y="connsiteY85"/>
                    </a:cxn>
                    <a:cxn ang="0">
                      <a:pos x="connsiteX86" y="connsiteY86"/>
                    </a:cxn>
                    <a:cxn ang="0">
                      <a:pos x="connsiteX87" y="connsiteY87"/>
                    </a:cxn>
                    <a:cxn ang="0">
                      <a:pos x="connsiteX88" y="connsiteY88"/>
                    </a:cxn>
                    <a:cxn ang="0">
                      <a:pos x="connsiteX89" y="connsiteY89"/>
                    </a:cxn>
                    <a:cxn ang="0">
                      <a:pos x="connsiteX90" y="connsiteY90"/>
                    </a:cxn>
                    <a:cxn ang="0">
                      <a:pos x="connsiteX91" y="connsiteY91"/>
                    </a:cxn>
                    <a:cxn ang="0">
                      <a:pos x="connsiteX92" y="connsiteY92"/>
                    </a:cxn>
                    <a:cxn ang="0">
                      <a:pos x="connsiteX93" y="connsiteY93"/>
                    </a:cxn>
                    <a:cxn ang="0">
                      <a:pos x="connsiteX94" y="connsiteY94"/>
                    </a:cxn>
                    <a:cxn ang="0">
                      <a:pos x="connsiteX95" y="connsiteY95"/>
                    </a:cxn>
                    <a:cxn ang="0">
                      <a:pos x="connsiteX96" y="connsiteY96"/>
                    </a:cxn>
                    <a:cxn ang="0">
                      <a:pos x="connsiteX97" y="connsiteY97"/>
                    </a:cxn>
                    <a:cxn ang="0">
                      <a:pos x="connsiteX98" y="connsiteY98"/>
                    </a:cxn>
                    <a:cxn ang="0">
                      <a:pos x="connsiteX99" y="connsiteY99"/>
                    </a:cxn>
                    <a:cxn ang="0">
                      <a:pos x="connsiteX100" y="connsiteY100"/>
                    </a:cxn>
                    <a:cxn ang="0">
                      <a:pos x="connsiteX101" y="connsiteY101"/>
                    </a:cxn>
                    <a:cxn ang="0">
                      <a:pos x="connsiteX102" y="connsiteY102"/>
                    </a:cxn>
                    <a:cxn ang="0">
                      <a:pos x="connsiteX103" y="connsiteY103"/>
                    </a:cxn>
                    <a:cxn ang="0">
                      <a:pos x="connsiteX104" y="connsiteY104"/>
                    </a:cxn>
                    <a:cxn ang="0">
                      <a:pos x="connsiteX105" y="connsiteY105"/>
                    </a:cxn>
                    <a:cxn ang="0">
                      <a:pos x="connsiteX106" y="connsiteY106"/>
                    </a:cxn>
                    <a:cxn ang="0">
                      <a:pos x="connsiteX107" y="connsiteY107"/>
                    </a:cxn>
                    <a:cxn ang="0">
                      <a:pos x="connsiteX108" y="connsiteY108"/>
                    </a:cxn>
                    <a:cxn ang="0">
                      <a:pos x="connsiteX109" y="connsiteY109"/>
                    </a:cxn>
                    <a:cxn ang="0">
                      <a:pos x="connsiteX110" y="connsiteY110"/>
                    </a:cxn>
                    <a:cxn ang="0">
                      <a:pos x="connsiteX111" y="connsiteY111"/>
                    </a:cxn>
                    <a:cxn ang="0">
                      <a:pos x="connsiteX112" y="connsiteY112"/>
                    </a:cxn>
                    <a:cxn ang="0">
                      <a:pos x="connsiteX113" y="connsiteY113"/>
                    </a:cxn>
                    <a:cxn ang="0">
                      <a:pos x="connsiteX114" y="connsiteY114"/>
                    </a:cxn>
                    <a:cxn ang="0">
                      <a:pos x="connsiteX115" y="connsiteY115"/>
                    </a:cxn>
                    <a:cxn ang="0">
                      <a:pos x="connsiteX116" y="connsiteY116"/>
                    </a:cxn>
                    <a:cxn ang="0">
                      <a:pos x="connsiteX117" y="connsiteY117"/>
                    </a:cxn>
                    <a:cxn ang="0">
                      <a:pos x="connsiteX118" y="connsiteY118"/>
                    </a:cxn>
                    <a:cxn ang="0">
                      <a:pos x="connsiteX119" y="connsiteY119"/>
                    </a:cxn>
                    <a:cxn ang="0">
                      <a:pos x="connsiteX120" y="connsiteY120"/>
                    </a:cxn>
                    <a:cxn ang="0">
                      <a:pos x="connsiteX121" y="connsiteY121"/>
                    </a:cxn>
                    <a:cxn ang="0">
                      <a:pos x="connsiteX122" y="connsiteY122"/>
                    </a:cxn>
                    <a:cxn ang="0">
                      <a:pos x="connsiteX123" y="connsiteY123"/>
                    </a:cxn>
                    <a:cxn ang="0">
                      <a:pos x="connsiteX124" y="connsiteY124"/>
                    </a:cxn>
                    <a:cxn ang="0">
                      <a:pos x="connsiteX125" y="connsiteY125"/>
                    </a:cxn>
                    <a:cxn ang="0">
                      <a:pos x="connsiteX126" y="connsiteY126"/>
                    </a:cxn>
                    <a:cxn ang="0">
                      <a:pos x="connsiteX127" y="connsiteY127"/>
                    </a:cxn>
                    <a:cxn ang="0">
                      <a:pos x="connsiteX128" y="connsiteY128"/>
                    </a:cxn>
                    <a:cxn ang="0">
                      <a:pos x="connsiteX129" y="connsiteY129"/>
                    </a:cxn>
                    <a:cxn ang="0">
                      <a:pos x="connsiteX130" y="connsiteY130"/>
                    </a:cxn>
                    <a:cxn ang="0">
                      <a:pos x="connsiteX131" y="connsiteY131"/>
                    </a:cxn>
                    <a:cxn ang="0">
                      <a:pos x="connsiteX132" y="connsiteY132"/>
                    </a:cxn>
                    <a:cxn ang="0">
                      <a:pos x="connsiteX133" y="connsiteY133"/>
                    </a:cxn>
                    <a:cxn ang="0">
                      <a:pos x="connsiteX134" y="connsiteY134"/>
                    </a:cxn>
                    <a:cxn ang="0">
                      <a:pos x="connsiteX135" y="connsiteY135"/>
                    </a:cxn>
                    <a:cxn ang="0">
                      <a:pos x="connsiteX136" y="connsiteY136"/>
                    </a:cxn>
                    <a:cxn ang="0">
                      <a:pos x="connsiteX137" y="connsiteY137"/>
                    </a:cxn>
                    <a:cxn ang="0">
                      <a:pos x="connsiteX138" y="connsiteY138"/>
                    </a:cxn>
                    <a:cxn ang="0">
                      <a:pos x="connsiteX139" y="connsiteY139"/>
                    </a:cxn>
                    <a:cxn ang="0">
                      <a:pos x="connsiteX140" y="connsiteY140"/>
                    </a:cxn>
                    <a:cxn ang="0">
                      <a:pos x="connsiteX141" y="connsiteY141"/>
                    </a:cxn>
                    <a:cxn ang="0">
                      <a:pos x="connsiteX142" y="connsiteY142"/>
                    </a:cxn>
                    <a:cxn ang="0">
                      <a:pos x="connsiteX143" y="connsiteY143"/>
                    </a:cxn>
                    <a:cxn ang="0">
                      <a:pos x="connsiteX144" y="connsiteY144"/>
                    </a:cxn>
                    <a:cxn ang="0">
                      <a:pos x="connsiteX145" y="connsiteY145"/>
                    </a:cxn>
                    <a:cxn ang="0">
                      <a:pos x="connsiteX146" y="connsiteY146"/>
                    </a:cxn>
                    <a:cxn ang="0">
                      <a:pos x="connsiteX147" y="connsiteY147"/>
                    </a:cxn>
                    <a:cxn ang="0">
                      <a:pos x="connsiteX148" y="connsiteY148"/>
                    </a:cxn>
                    <a:cxn ang="0">
                      <a:pos x="connsiteX149" y="connsiteY149"/>
                    </a:cxn>
                    <a:cxn ang="0">
                      <a:pos x="connsiteX150" y="connsiteY150"/>
                    </a:cxn>
                    <a:cxn ang="0">
                      <a:pos x="connsiteX151" y="connsiteY151"/>
                    </a:cxn>
                    <a:cxn ang="0">
                      <a:pos x="connsiteX152" y="connsiteY152"/>
                    </a:cxn>
                    <a:cxn ang="0">
                      <a:pos x="connsiteX153" y="connsiteY153"/>
                    </a:cxn>
                    <a:cxn ang="0">
                      <a:pos x="connsiteX154" y="connsiteY154"/>
                    </a:cxn>
                    <a:cxn ang="0">
                      <a:pos x="connsiteX155" y="connsiteY155"/>
                    </a:cxn>
                    <a:cxn ang="0">
                      <a:pos x="connsiteX156" y="connsiteY156"/>
                    </a:cxn>
                    <a:cxn ang="0">
                      <a:pos x="connsiteX157" y="connsiteY157"/>
                    </a:cxn>
                    <a:cxn ang="0">
                      <a:pos x="connsiteX158" y="connsiteY158"/>
                    </a:cxn>
                    <a:cxn ang="0">
                      <a:pos x="connsiteX159" y="connsiteY159"/>
                    </a:cxn>
                    <a:cxn ang="0">
                      <a:pos x="connsiteX160" y="connsiteY160"/>
                    </a:cxn>
                    <a:cxn ang="0">
                      <a:pos x="connsiteX161" y="connsiteY161"/>
                    </a:cxn>
                    <a:cxn ang="0">
                      <a:pos x="connsiteX162" y="connsiteY162"/>
                    </a:cxn>
                    <a:cxn ang="0">
                      <a:pos x="connsiteX163" y="connsiteY163"/>
                    </a:cxn>
                    <a:cxn ang="0">
                      <a:pos x="connsiteX164" y="connsiteY164"/>
                    </a:cxn>
                    <a:cxn ang="0">
                      <a:pos x="connsiteX165" y="connsiteY165"/>
                    </a:cxn>
                    <a:cxn ang="0">
                      <a:pos x="connsiteX166" y="connsiteY166"/>
                    </a:cxn>
                    <a:cxn ang="0">
                      <a:pos x="connsiteX167" y="connsiteY167"/>
                    </a:cxn>
                    <a:cxn ang="0">
                      <a:pos x="connsiteX168" y="connsiteY168"/>
                    </a:cxn>
                    <a:cxn ang="0">
                      <a:pos x="connsiteX169" y="connsiteY169"/>
                    </a:cxn>
                    <a:cxn ang="0">
                      <a:pos x="connsiteX170" y="connsiteY170"/>
                    </a:cxn>
                    <a:cxn ang="0">
                      <a:pos x="connsiteX171" y="connsiteY171"/>
                    </a:cxn>
                    <a:cxn ang="0">
                      <a:pos x="connsiteX172" y="connsiteY172"/>
                    </a:cxn>
                    <a:cxn ang="0">
                      <a:pos x="connsiteX173" y="connsiteY173"/>
                    </a:cxn>
                    <a:cxn ang="0">
                      <a:pos x="connsiteX174" y="connsiteY174"/>
                    </a:cxn>
                    <a:cxn ang="0">
                      <a:pos x="connsiteX175" y="connsiteY175"/>
                    </a:cxn>
                    <a:cxn ang="0">
                      <a:pos x="connsiteX176" y="connsiteY176"/>
                    </a:cxn>
                    <a:cxn ang="0">
                      <a:pos x="connsiteX177" y="connsiteY177"/>
                    </a:cxn>
                    <a:cxn ang="0">
                      <a:pos x="connsiteX178" y="connsiteY178"/>
                    </a:cxn>
                    <a:cxn ang="0">
                      <a:pos x="connsiteX179" y="connsiteY179"/>
                    </a:cxn>
                    <a:cxn ang="0">
                      <a:pos x="connsiteX180" y="connsiteY180"/>
                    </a:cxn>
                    <a:cxn ang="0">
                      <a:pos x="connsiteX181" y="connsiteY181"/>
                    </a:cxn>
                    <a:cxn ang="0">
                      <a:pos x="connsiteX182" y="connsiteY182"/>
                    </a:cxn>
                    <a:cxn ang="0">
                      <a:pos x="connsiteX183" y="connsiteY183"/>
                    </a:cxn>
                    <a:cxn ang="0">
                      <a:pos x="connsiteX184" y="connsiteY184"/>
                    </a:cxn>
                    <a:cxn ang="0">
                      <a:pos x="connsiteX185" y="connsiteY185"/>
                    </a:cxn>
                    <a:cxn ang="0">
                      <a:pos x="connsiteX186" y="connsiteY186"/>
                    </a:cxn>
                    <a:cxn ang="0">
                      <a:pos x="connsiteX187" y="connsiteY187"/>
                    </a:cxn>
                    <a:cxn ang="0">
                      <a:pos x="connsiteX188" y="connsiteY188"/>
                    </a:cxn>
                    <a:cxn ang="0">
                      <a:pos x="connsiteX189" y="connsiteY189"/>
                    </a:cxn>
                    <a:cxn ang="0">
                      <a:pos x="connsiteX190" y="connsiteY190"/>
                    </a:cxn>
                  </a:cxnLst>
                  <a:rect l="l" t="t" r="r" b="b"/>
                  <a:pathLst>
                    <a:path w="6858001" h="874716">
                      <a:moveTo>
                        <a:pt x="0" y="533314"/>
                      </a:moveTo>
                      <a:lnTo>
                        <a:pt x="0" y="69206"/>
                      </a:lnTo>
                      <a:lnTo>
                        <a:pt x="21486" y="71924"/>
                      </a:lnTo>
                      <a:cubicBezTo>
                        <a:pt x="92546" y="60493"/>
                        <a:pt x="159604" y="87354"/>
                        <a:pt x="228948" y="88116"/>
                      </a:cubicBezTo>
                      <a:cubicBezTo>
                        <a:pt x="260382" y="88496"/>
                        <a:pt x="291435" y="94592"/>
                        <a:pt x="313533" y="62779"/>
                      </a:cubicBezTo>
                      <a:cubicBezTo>
                        <a:pt x="316389" y="58587"/>
                        <a:pt x="330298" y="60873"/>
                        <a:pt x="338870" y="62207"/>
                      </a:cubicBezTo>
                      <a:cubicBezTo>
                        <a:pt x="357921" y="65066"/>
                        <a:pt x="376781" y="72304"/>
                        <a:pt x="395640" y="72114"/>
                      </a:cubicBezTo>
                      <a:cubicBezTo>
                        <a:pt x="434695" y="71924"/>
                        <a:pt x="473939" y="68876"/>
                        <a:pt x="512802" y="65446"/>
                      </a:cubicBezTo>
                      <a:cubicBezTo>
                        <a:pt x="527470" y="64112"/>
                        <a:pt x="541569" y="58969"/>
                        <a:pt x="556047" y="55349"/>
                      </a:cubicBezTo>
                      <a:cubicBezTo>
                        <a:pt x="564048" y="53253"/>
                        <a:pt x="572622" y="47729"/>
                        <a:pt x="580050" y="48871"/>
                      </a:cubicBezTo>
                      <a:cubicBezTo>
                        <a:pt x="623106" y="55539"/>
                        <a:pt x="662541" y="39157"/>
                        <a:pt x="703308" y="30964"/>
                      </a:cubicBezTo>
                      <a:cubicBezTo>
                        <a:pt x="722169" y="27154"/>
                        <a:pt x="739886" y="18010"/>
                        <a:pt x="758174" y="11724"/>
                      </a:cubicBezTo>
                      <a:cubicBezTo>
                        <a:pt x="762936" y="10008"/>
                        <a:pt x="768271" y="8484"/>
                        <a:pt x="773035" y="8866"/>
                      </a:cubicBezTo>
                      <a:cubicBezTo>
                        <a:pt x="800276" y="11152"/>
                        <a:pt x="827329" y="14390"/>
                        <a:pt x="854379" y="16866"/>
                      </a:cubicBezTo>
                      <a:cubicBezTo>
                        <a:pt x="878956" y="19152"/>
                        <a:pt x="903722" y="19914"/>
                        <a:pt x="915343" y="47919"/>
                      </a:cubicBezTo>
                      <a:cubicBezTo>
                        <a:pt x="917059" y="52301"/>
                        <a:pt x="922773" y="55539"/>
                        <a:pt x="927155" y="58397"/>
                      </a:cubicBezTo>
                      <a:cubicBezTo>
                        <a:pt x="994785" y="102405"/>
                        <a:pt x="1030980" y="101261"/>
                        <a:pt x="1097087" y="54777"/>
                      </a:cubicBezTo>
                      <a:cubicBezTo>
                        <a:pt x="1103945" y="50015"/>
                        <a:pt x="1118613" y="46585"/>
                        <a:pt x="1123185" y="50395"/>
                      </a:cubicBezTo>
                      <a:cubicBezTo>
                        <a:pt x="1162049" y="82020"/>
                        <a:pt x="1204532" y="78590"/>
                        <a:pt x="1249302" y="68684"/>
                      </a:cubicBezTo>
                      <a:cubicBezTo>
                        <a:pt x="1260922" y="66018"/>
                        <a:pt x="1277307" y="66018"/>
                        <a:pt x="1286069" y="72304"/>
                      </a:cubicBezTo>
                      <a:cubicBezTo>
                        <a:pt x="1327790" y="101451"/>
                        <a:pt x="1372560" y="97261"/>
                        <a:pt x="1417899" y="88688"/>
                      </a:cubicBezTo>
                      <a:cubicBezTo>
                        <a:pt x="1424948" y="87354"/>
                        <a:pt x="1433522" y="80114"/>
                        <a:pt x="1436568" y="73448"/>
                      </a:cubicBezTo>
                      <a:cubicBezTo>
                        <a:pt x="1447428" y="49825"/>
                        <a:pt x="1467813" y="41823"/>
                        <a:pt x="1490292" y="35154"/>
                      </a:cubicBezTo>
                      <a:cubicBezTo>
                        <a:pt x="1525727" y="24296"/>
                        <a:pt x="1560588" y="11532"/>
                        <a:pt x="1596213" y="1245"/>
                      </a:cubicBezTo>
                      <a:cubicBezTo>
                        <a:pt x="1604978" y="-1231"/>
                        <a:pt x="1615836" y="293"/>
                        <a:pt x="1624980" y="3150"/>
                      </a:cubicBezTo>
                      <a:cubicBezTo>
                        <a:pt x="1656223" y="12866"/>
                        <a:pt x="1676036" y="37251"/>
                        <a:pt x="1697753" y="59731"/>
                      </a:cubicBezTo>
                      <a:cubicBezTo>
                        <a:pt x="1707279" y="69638"/>
                        <a:pt x="1720423" y="76686"/>
                        <a:pt x="1733188" y="82400"/>
                      </a:cubicBezTo>
                      <a:cubicBezTo>
                        <a:pt x="1766335" y="97071"/>
                        <a:pt x="1800246" y="110215"/>
                        <a:pt x="1833775" y="124121"/>
                      </a:cubicBezTo>
                      <a:cubicBezTo>
                        <a:pt x="1837013" y="125455"/>
                        <a:pt x="1839679" y="128884"/>
                        <a:pt x="1842158" y="131742"/>
                      </a:cubicBezTo>
                      <a:cubicBezTo>
                        <a:pt x="1866922" y="161843"/>
                        <a:pt x="1891497" y="192132"/>
                        <a:pt x="1916454" y="222233"/>
                      </a:cubicBezTo>
                      <a:cubicBezTo>
                        <a:pt x="1921216" y="227947"/>
                        <a:pt x="1928076" y="232139"/>
                        <a:pt x="1933219" y="237663"/>
                      </a:cubicBezTo>
                      <a:cubicBezTo>
                        <a:pt x="1940459" y="245283"/>
                        <a:pt x="1949603" y="252524"/>
                        <a:pt x="1953413" y="261668"/>
                      </a:cubicBezTo>
                      <a:cubicBezTo>
                        <a:pt x="1965224" y="290433"/>
                        <a:pt x="1987894" y="302817"/>
                        <a:pt x="2016469" y="308151"/>
                      </a:cubicBezTo>
                      <a:cubicBezTo>
                        <a:pt x="2042570" y="313104"/>
                        <a:pt x="2068669" y="317296"/>
                        <a:pt x="2094578" y="323010"/>
                      </a:cubicBezTo>
                      <a:cubicBezTo>
                        <a:pt x="2126201" y="329868"/>
                        <a:pt x="2157636" y="337298"/>
                        <a:pt x="2188879" y="345681"/>
                      </a:cubicBezTo>
                      <a:cubicBezTo>
                        <a:pt x="2202404" y="349301"/>
                        <a:pt x="2216692" y="353491"/>
                        <a:pt x="2228314" y="360921"/>
                      </a:cubicBezTo>
                      <a:cubicBezTo>
                        <a:pt x="2260890" y="381496"/>
                        <a:pt x="2295753" y="395402"/>
                        <a:pt x="2334044" y="389878"/>
                      </a:cubicBezTo>
                      <a:cubicBezTo>
                        <a:pt x="2364715" y="385496"/>
                        <a:pt x="2390434" y="396736"/>
                        <a:pt x="2409485" y="414263"/>
                      </a:cubicBezTo>
                      <a:cubicBezTo>
                        <a:pt x="2444158" y="446078"/>
                        <a:pt x="2481305" y="438838"/>
                        <a:pt x="2518264" y="428552"/>
                      </a:cubicBezTo>
                      <a:cubicBezTo>
                        <a:pt x="2537315" y="423217"/>
                        <a:pt x="2552935" y="423979"/>
                        <a:pt x="2571034" y="429122"/>
                      </a:cubicBezTo>
                      <a:cubicBezTo>
                        <a:pt x="2612945" y="441124"/>
                        <a:pt x="2640950" y="473701"/>
                        <a:pt x="2668001" y="502276"/>
                      </a:cubicBezTo>
                      <a:cubicBezTo>
                        <a:pt x="2691054" y="526661"/>
                        <a:pt x="2716963" y="540377"/>
                        <a:pt x="2745348" y="550666"/>
                      </a:cubicBezTo>
                      <a:cubicBezTo>
                        <a:pt x="2781163" y="563810"/>
                        <a:pt x="2809548" y="558858"/>
                        <a:pt x="2826694" y="527233"/>
                      </a:cubicBezTo>
                      <a:cubicBezTo>
                        <a:pt x="2831457" y="518278"/>
                        <a:pt x="2839839" y="507800"/>
                        <a:pt x="2848793" y="505134"/>
                      </a:cubicBezTo>
                      <a:cubicBezTo>
                        <a:pt x="2892037" y="491800"/>
                        <a:pt x="2935854" y="472367"/>
                        <a:pt x="2982148" y="484179"/>
                      </a:cubicBezTo>
                      <a:cubicBezTo>
                        <a:pt x="3046158" y="500372"/>
                        <a:pt x="3108644" y="499420"/>
                        <a:pt x="3172654" y="483417"/>
                      </a:cubicBezTo>
                      <a:cubicBezTo>
                        <a:pt x="3276480" y="457508"/>
                        <a:pt x="3380305" y="430076"/>
                        <a:pt x="3489467" y="435790"/>
                      </a:cubicBezTo>
                      <a:cubicBezTo>
                        <a:pt x="3507563" y="436742"/>
                        <a:pt x="3529090" y="425121"/>
                        <a:pt x="3544713" y="413691"/>
                      </a:cubicBezTo>
                      <a:cubicBezTo>
                        <a:pt x="3574622" y="391974"/>
                        <a:pt x="3573288" y="390258"/>
                        <a:pt x="3606817" y="408167"/>
                      </a:cubicBezTo>
                      <a:cubicBezTo>
                        <a:pt x="3614819" y="412549"/>
                        <a:pt x="3624725" y="415215"/>
                        <a:pt x="3630632" y="421693"/>
                      </a:cubicBezTo>
                      <a:cubicBezTo>
                        <a:pt x="3660731" y="454650"/>
                        <a:pt x="3697880" y="446648"/>
                        <a:pt x="3734837" y="441886"/>
                      </a:cubicBezTo>
                      <a:cubicBezTo>
                        <a:pt x="3741315" y="440934"/>
                        <a:pt x="3749125" y="439600"/>
                        <a:pt x="3754652" y="442268"/>
                      </a:cubicBezTo>
                      <a:cubicBezTo>
                        <a:pt x="3779607" y="454268"/>
                        <a:pt x="3800753" y="450078"/>
                        <a:pt x="3822472" y="433694"/>
                      </a:cubicBezTo>
                      <a:cubicBezTo>
                        <a:pt x="3841331" y="419597"/>
                        <a:pt x="3863049" y="411215"/>
                        <a:pt x="3885338" y="428742"/>
                      </a:cubicBezTo>
                      <a:cubicBezTo>
                        <a:pt x="3934870" y="467605"/>
                        <a:pt x="3987829" y="469509"/>
                        <a:pt x="4043839" y="444934"/>
                      </a:cubicBezTo>
                      <a:cubicBezTo>
                        <a:pt x="4083845" y="427407"/>
                        <a:pt x="4123280" y="423407"/>
                        <a:pt x="4165383" y="441124"/>
                      </a:cubicBezTo>
                      <a:cubicBezTo>
                        <a:pt x="4181576" y="447982"/>
                        <a:pt x="4202531" y="443410"/>
                        <a:pt x="4221391" y="444934"/>
                      </a:cubicBezTo>
                      <a:cubicBezTo>
                        <a:pt x="4232060" y="445696"/>
                        <a:pt x="4243872" y="445886"/>
                        <a:pt x="4253014" y="450650"/>
                      </a:cubicBezTo>
                      <a:cubicBezTo>
                        <a:pt x="4277401" y="462843"/>
                        <a:pt x="4300070" y="478463"/>
                        <a:pt x="4324645" y="490466"/>
                      </a:cubicBezTo>
                      <a:cubicBezTo>
                        <a:pt x="4336457" y="496180"/>
                        <a:pt x="4350554" y="499228"/>
                        <a:pt x="4363890" y="499420"/>
                      </a:cubicBezTo>
                      <a:cubicBezTo>
                        <a:pt x="4403325" y="500372"/>
                        <a:pt x="4442761" y="500372"/>
                        <a:pt x="4482004" y="498658"/>
                      </a:cubicBezTo>
                      <a:cubicBezTo>
                        <a:pt x="4546776" y="495990"/>
                        <a:pt x="4612500" y="495418"/>
                        <a:pt x="4659174" y="438648"/>
                      </a:cubicBezTo>
                      <a:cubicBezTo>
                        <a:pt x="4662986" y="434076"/>
                        <a:pt x="4671176" y="431408"/>
                        <a:pt x="4677655" y="430646"/>
                      </a:cubicBezTo>
                      <a:cubicBezTo>
                        <a:pt x="4707564" y="427027"/>
                        <a:pt x="4738235" y="426645"/>
                        <a:pt x="4767764" y="420739"/>
                      </a:cubicBezTo>
                      <a:cubicBezTo>
                        <a:pt x="4791386" y="415977"/>
                        <a:pt x="4811009" y="417501"/>
                        <a:pt x="4828916" y="434266"/>
                      </a:cubicBezTo>
                      <a:cubicBezTo>
                        <a:pt x="4852348" y="456364"/>
                        <a:pt x="4880925" y="469319"/>
                        <a:pt x="4912168" y="462271"/>
                      </a:cubicBezTo>
                      <a:cubicBezTo>
                        <a:pt x="4943409" y="455412"/>
                        <a:pt x="4963984" y="470271"/>
                        <a:pt x="4987037" y="485703"/>
                      </a:cubicBezTo>
                      <a:cubicBezTo>
                        <a:pt x="5003801" y="496942"/>
                        <a:pt x="5022852" y="511040"/>
                        <a:pt x="5041521" y="512182"/>
                      </a:cubicBezTo>
                      <a:cubicBezTo>
                        <a:pt x="5083814" y="514658"/>
                        <a:pt x="5120201" y="553904"/>
                        <a:pt x="5166113" y="531615"/>
                      </a:cubicBezTo>
                      <a:cubicBezTo>
                        <a:pt x="5169161" y="530091"/>
                        <a:pt x="5174685" y="533901"/>
                        <a:pt x="5179067" y="534853"/>
                      </a:cubicBezTo>
                      <a:cubicBezTo>
                        <a:pt x="5214121" y="542093"/>
                        <a:pt x="5247078" y="535043"/>
                        <a:pt x="5272796" y="511230"/>
                      </a:cubicBezTo>
                      <a:cubicBezTo>
                        <a:pt x="5306516" y="480177"/>
                        <a:pt x="5343855" y="477129"/>
                        <a:pt x="5385384" y="487227"/>
                      </a:cubicBezTo>
                      <a:cubicBezTo>
                        <a:pt x="5398721" y="490466"/>
                        <a:pt x="5412057" y="492752"/>
                        <a:pt x="5425582" y="495418"/>
                      </a:cubicBezTo>
                      <a:cubicBezTo>
                        <a:pt x="5443870" y="499228"/>
                        <a:pt x="5462351" y="503230"/>
                        <a:pt x="5480637" y="507040"/>
                      </a:cubicBezTo>
                      <a:cubicBezTo>
                        <a:pt x="5498356" y="510850"/>
                        <a:pt x="5517979" y="517326"/>
                        <a:pt x="5531693" y="500944"/>
                      </a:cubicBezTo>
                      <a:cubicBezTo>
                        <a:pt x="5543506" y="486845"/>
                        <a:pt x="5551888" y="488179"/>
                        <a:pt x="5562746" y="500372"/>
                      </a:cubicBezTo>
                      <a:cubicBezTo>
                        <a:pt x="5600467" y="543045"/>
                        <a:pt x="5646189" y="569716"/>
                        <a:pt x="5704483" y="571620"/>
                      </a:cubicBezTo>
                      <a:cubicBezTo>
                        <a:pt x="5716485" y="572002"/>
                        <a:pt x="5728678" y="574668"/>
                        <a:pt x="5740488" y="577526"/>
                      </a:cubicBezTo>
                      <a:cubicBezTo>
                        <a:pt x="5747728" y="579241"/>
                        <a:pt x="5756493" y="581147"/>
                        <a:pt x="5760873" y="586291"/>
                      </a:cubicBezTo>
                      <a:cubicBezTo>
                        <a:pt x="5794974" y="625534"/>
                        <a:pt x="5837457" y="652777"/>
                        <a:pt x="5883751" y="674686"/>
                      </a:cubicBezTo>
                      <a:cubicBezTo>
                        <a:pt x="5900323" y="682496"/>
                        <a:pt x="5918042" y="690306"/>
                        <a:pt x="5935949" y="692592"/>
                      </a:cubicBezTo>
                      <a:cubicBezTo>
                        <a:pt x="5954617" y="694878"/>
                        <a:pt x="5974240" y="691068"/>
                        <a:pt x="5993291" y="688972"/>
                      </a:cubicBezTo>
                      <a:cubicBezTo>
                        <a:pt x="6004531" y="687830"/>
                        <a:pt x="6017485" y="688020"/>
                        <a:pt x="6026440" y="682496"/>
                      </a:cubicBezTo>
                      <a:cubicBezTo>
                        <a:pt x="6054825" y="665159"/>
                        <a:pt x="6082258" y="646491"/>
                        <a:pt x="6108738" y="626296"/>
                      </a:cubicBezTo>
                      <a:cubicBezTo>
                        <a:pt x="6131409" y="608960"/>
                        <a:pt x="6135981" y="606483"/>
                        <a:pt x="6155602" y="628202"/>
                      </a:cubicBezTo>
                      <a:cubicBezTo>
                        <a:pt x="6175797" y="650491"/>
                        <a:pt x="6200944" y="662111"/>
                        <a:pt x="6228756" y="666873"/>
                      </a:cubicBezTo>
                      <a:cubicBezTo>
                        <a:pt x="6272764" y="674304"/>
                        <a:pt x="6317151" y="680590"/>
                        <a:pt x="6361539" y="684210"/>
                      </a:cubicBezTo>
                      <a:cubicBezTo>
                        <a:pt x="6401736" y="687448"/>
                        <a:pt x="6420977" y="669922"/>
                        <a:pt x="6428979" y="630106"/>
                      </a:cubicBezTo>
                      <a:cubicBezTo>
                        <a:pt x="6433551" y="608007"/>
                        <a:pt x="6439458" y="584003"/>
                        <a:pt x="6463840" y="578098"/>
                      </a:cubicBezTo>
                      <a:cubicBezTo>
                        <a:pt x="6503658" y="568572"/>
                        <a:pt x="6544997" y="564382"/>
                        <a:pt x="6564620" y="517708"/>
                      </a:cubicBezTo>
                      <a:cubicBezTo>
                        <a:pt x="6575478" y="527995"/>
                        <a:pt x="6582146" y="534091"/>
                        <a:pt x="6588625" y="540187"/>
                      </a:cubicBezTo>
                      <a:cubicBezTo>
                        <a:pt x="6606531" y="557142"/>
                        <a:pt x="6643678" y="564382"/>
                        <a:pt x="6662541" y="549714"/>
                      </a:cubicBezTo>
                      <a:cubicBezTo>
                        <a:pt x="6690354" y="528377"/>
                        <a:pt x="6715883" y="532377"/>
                        <a:pt x="6742552" y="548952"/>
                      </a:cubicBezTo>
                      <a:cubicBezTo>
                        <a:pt x="6764841" y="562668"/>
                        <a:pt x="6788417" y="567954"/>
                        <a:pt x="6812063" y="568430"/>
                      </a:cubicBezTo>
                      <a:lnTo>
                        <a:pt x="6858001" y="562267"/>
                      </a:lnTo>
                      <a:lnTo>
                        <a:pt x="6858001" y="734520"/>
                      </a:lnTo>
                      <a:lnTo>
                        <a:pt x="6815516" y="744220"/>
                      </a:lnTo>
                      <a:cubicBezTo>
                        <a:pt x="6793035" y="749744"/>
                        <a:pt x="6771319" y="759651"/>
                        <a:pt x="6748458" y="763271"/>
                      </a:cubicBezTo>
                      <a:cubicBezTo>
                        <a:pt x="6694164" y="771843"/>
                        <a:pt x="6639488" y="777939"/>
                        <a:pt x="6584812" y="784797"/>
                      </a:cubicBezTo>
                      <a:cubicBezTo>
                        <a:pt x="6528424" y="791846"/>
                        <a:pt x="6472225" y="799276"/>
                        <a:pt x="6415833" y="805562"/>
                      </a:cubicBezTo>
                      <a:cubicBezTo>
                        <a:pt x="6384972" y="808802"/>
                        <a:pt x="6353919" y="809372"/>
                        <a:pt x="6323058" y="812420"/>
                      </a:cubicBezTo>
                      <a:cubicBezTo>
                        <a:pt x="6296005" y="815088"/>
                        <a:pt x="6269144" y="820041"/>
                        <a:pt x="6242093" y="823281"/>
                      </a:cubicBezTo>
                      <a:cubicBezTo>
                        <a:pt x="6218660" y="825947"/>
                        <a:pt x="6195037" y="827471"/>
                        <a:pt x="6171605" y="830139"/>
                      </a:cubicBezTo>
                      <a:cubicBezTo>
                        <a:pt x="6134075" y="834519"/>
                        <a:pt x="6096736" y="839473"/>
                        <a:pt x="6059397" y="844045"/>
                      </a:cubicBezTo>
                      <a:cubicBezTo>
                        <a:pt x="6043776" y="845759"/>
                        <a:pt x="6027392" y="850522"/>
                        <a:pt x="6012723" y="847665"/>
                      </a:cubicBezTo>
                      <a:cubicBezTo>
                        <a:pt x="5975764" y="840425"/>
                        <a:pt x="5939377" y="842521"/>
                        <a:pt x="5902610" y="847473"/>
                      </a:cubicBezTo>
                      <a:cubicBezTo>
                        <a:pt x="5890037" y="849190"/>
                        <a:pt x="5876511" y="848808"/>
                        <a:pt x="5864318" y="845569"/>
                      </a:cubicBezTo>
                      <a:cubicBezTo>
                        <a:pt x="5839361" y="839091"/>
                        <a:pt x="5815169" y="829947"/>
                        <a:pt x="5790592" y="821947"/>
                      </a:cubicBezTo>
                      <a:cubicBezTo>
                        <a:pt x="5787924" y="820995"/>
                        <a:pt x="5784686" y="820803"/>
                        <a:pt x="5781830" y="820233"/>
                      </a:cubicBezTo>
                      <a:cubicBezTo>
                        <a:pt x="5765635" y="816992"/>
                        <a:pt x="5749634" y="813754"/>
                        <a:pt x="5733440" y="810896"/>
                      </a:cubicBezTo>
                      <a:cubicBezTo>
                        <a:pt x="5724678" y="809372"/>
                        <a:pt x="5715723" y="809182"/>
                        <a:pt x="5706959" y="807848"/>
                      </a:cubicBezTo>
                      <a:cubicBezTo>
                        <a:pt x="5673050" y="802514"/>
                        <a:pt x="5635711" y="811468"/>
                        <a:pt x="5606372" y="788417"/>
                      </a:cubicBezTo>
                      <a:cubicBezTo>
                        <a:pt x="5587321" y="773557"/>
                        <a:pt x="5568842" y="776987"/>
                        <a:pt x="5548460" y="779273"/>
                      </a:cubicBezTo>
                      <a:cubicBezTo>
                        <a:pt x="5533027" y="780987"/>
                        <a:pt x="5517215" y="780415"/>
                        <a:pt x="5501594" y="780607"/>
                      </a:cubicBezTo>
                      <a:cubicBezTo>
                        <a:pt x="5474161" y="781177"/>
                        <a:pt x="5446728" y="781369"/>
                        <a:pt x="5419295" y="782321"/>
                      </a:cubicBezTo>
                      <a:cubicBezTo>
                        <a:pt x="5410531" y="782701"/>
                        <a:pt x="5401579" y="787465"/>
                        <a:pt x="5393005" y="786703"/>
                      </a:cubicBezTo>
                      <a:cubicBezTo>
                        <a:pt x="5353379" y="783083"/>
                        <a:pt x="5313754" y="777367"/>
                        <a:pt x="5274129" y="774129"/>
                      </a:cubicBezTo>
                      <a:cubicBezTo>
                        <a:pt x="5251650" y="772225"/>
                        <a:pt x="5228597" y="775843"/>
                        <a:pt x="5206308" y="773177"/>
                      </a:cubicBezTo>
                      <a:cubicBezTo>
                        <a:pt x="5180591" y="770129"/>
                        <a:pt x="5155445" y="762319"/>
                        <a:pt x="5129916" y="757554"/>
                      </a:cubicBezTo>
                      <a:cubicBezTo>
                        <a:pt x="5122867" y="756222"/>
                        <a:pt x="5115057" y="757936"/>
                        <a:pt x="5107627" y="758316"/>
                      </a:cubicBezTo>
                      <a:cubicBezTo>
                        <a:pt x="5099245" y="758699"/>
                        <a:pt x="5091052" y="759461"/>
                        <a:pt x="5082670" y="759651"/>
                      </a:cubicBezTo>
                      <a:cubicBezTo>
                        <a:pt x="5057141" y="760033"/>
                        <a:pt x="5031614" y="759461"/>
                        <a:pt x="5006086" y="760795"/>
                      </a:cubicBezTo>
                      <a:cubicBezTo>
                        <a:pt x="4990465" y="761557"/>
                        <a:pt x="4974082" y="769367"/>
                        <a:pt x="4959602" y="766509"/>
                      </a:cubicBezTo>
                      <a:cubicBezTo>
                        <a:pt x="4930075" y="760985"/>
                        <a:pt x="4900546" y="773367"/>
                        <a:pt x="4871019" y="763081"/>
                      </a:cubicBezTo>
                      <a:cubicBezTo>
                        <a:pt x="4861873" y="760033"/>
                        <a:pt x="4849300" y="767653"/>
                        <a:pt x="4838250" y="768033"/>
                      </a:cubicBezTo>
                      <a:cubicBezTo>
                        <a:pt x="4810627" y="768985"/>
                        <a:pt x="4783004" y="768795"/>
                        <a:pt x="4755381" y="768605"/>
                      </a:cubicBezTo>
                      <a:cubicBezTo>
                        <a:pt x="4730614" y="768415"/>
                        <a:pt x="4704895" y="771081"/>
                        <a:pt x="4681083" y="765747"/>
                      </a:cubicBezTo>
                      <a:cubicBezTo>
                        <a:pt x="4656126" y="760033"/>
                        <a:pt x="4633647" y="760795"/>
                        <a:pt x="4609452" y="767271"/>
                      </a:cubicBezTo>
                      <a:cubicBezTo>
                        <a:pt x="4592878" y="771653"/>
                        <a:pt x="4575351" y="772225"/>
                        <a:pt x="4558207" y="773557"/>
                      </a:cubicBezTo>
                      <a:cubicBezTo>
                        <a:pt x="4539728" y="775081"/>
                        <a:pt x="4519343" y="771081"/>
                        <a:pt x="4502579" y="777367"/>
                      </a:cubicBezTo>
                      <a:cubicBezTo>
                        <a:pt x="4452665" y="796038"/>
                        <a:pt x="4401419" y="800038"/>
                        <a:pt x="4349222" y="800038"/>
                      </a:cubicBezTo>
                      <a:cubicBezTo>
                        <a:pt x="4339695" y="800038"/>
                        <a:pt x="4329979" y="797372"/>
                        <a:pt x="4320837" y="794514"/>
                      </a:cubicBezTo>
                      <a:cubicBezTo>
                        <a:pt x="4267493" y="777367"/>
                        <a:pt x="4213961" y="778891"/>
                        <a:pt x="4159667" y="789370"/>
                      </a:cubicBezTo>
                      <a:cubicBezTo>
                        <a:pt x="4148427" y="791656"/>
                        <a:pt x="4135854" y="792038"/>
                        <a:pt x="4124614" y="789752"/>
                      </a:cubicBezTo>
                      <a:cubicBezTo>
                        <a:pt x="4092989" y="783083"/>
                        <a:pt x="4062318" y="772033"/>
                        <a:pt x="4030503" y="767271"/>
                      </a:cubicBezTo>
                      <a:cubicBezTo>
                        <a:pt x="3977925" y="759461"/>
                        <a:pt x="3932394" y="785749"/>
                        <a:pt x="3885338" y="802896"/>
                      </a:cubicBezTo>
                      <a:cubicBezTo>
                        <a:pt x="3840569" y="819089"/>
                        <a:pt x="3802467" y="855666"/>
                        <a:pt x="3749506" y="847473"/>
                      </a:cubicBezTo>
                      <a:cubicBezTo>
                        <a:pt x="3744173" y="846711"/>
                        <a:pt x="3738267" y="851856"/>
                        <a:pt x="3732361" y="853190"/>
                      </a:cubicBezTo>
                      <a:cubicBezTo>
                        <a:pt x="3716168" y="856810"/>
                        <a:pt x="3699976" y="861190"/>
                        <a:pt x="3683591" y="862906"/>
                      </a:cubicBezTo>
                      <a:cubicBezTo>
                        <a:pt x="3663589" y="865192"/>
                        <a:pt x="3643204" y="864430"/>
                        <a:pt x="3623201" y="866334"/>
                      </a:cubicBezTo>
                      <a:cubicBezTo>
                        <a:pt x="3597482" y="868620"/>
                        <a:pt x="3572146" y="874716"/>
                        <a:pt x="3546617" y="874716"/>
                      </a:cubicBezTo>
                      <a:cubicBezTo>
                        <a:pt x="3526042" y="874716"/>
                        <a:pt x="3505657" y="867668"/>
                        <a:pt x="3485275" y="864238"/>
                      </a:cubicBezTo>
                      <a:cubicBezTo>
                        <a:pt x="3456508" y="859476"/>
                        <a:pt x="3424883" y="860810"/>
                        <a:pt x="3399546" y="848618"/>
                      </a:cubicBezTo>
                      <a:cubicBezTo>
                        <a:pt x="3372495" y="835663"/>
                        <a:pt x="3346776" y="829757"/>
                        <a:pt x="3318771" y="833757"/>
                      </a:cubicBezTo>
                      <a:cubicBezTo>
                        <a:pt x="3309437" y="835091"/>
                        <a:pt x="3297434" y="843093"/>
                        <a:pt x="3293244" y="851284"/>
                      </a:cubicBezTo>
                      <a:cubicBezTo>
                        <a:pt x="3283908" y="869572"/>
                        <a:pt x="3271145" y="872812"/>
                        <a:pt x="3253809" y="866524"/>
                      </a:cubicBezTo>
                      <a:cubicBezTo>
                        <a:pt x="3238758" y="861190"/>
                        <a:pt x="3220280" y="858524"/>
                        <a:pt x="3209993" y="848235"/>
                      </a:cubicBezTo>
                      <a:cubicBezTo>
                        <a:pt x="3180844" y="819089"/>
                        <a:pt x="3143695" y="818136"/>
                        <a:pt x="3107500" y="810326"/>
                      </a:cubicBezTo>
                      <a:cubicBezTo>
                        <a:pt x="3085403" y="805562"/>
                        <a:pt x="3064827" y="805372"/>
                        <a:pt x="3042728" y="808610"/>
                      </a:cubicBezTo>
                      <a:cubicBezTo>
                        <a:pt x="2994722" y="815850"/>
                        <a:pt x="2948047" y="805562"/>
                        <a:pt x="2901943" y="792418"/>
                      </a:cubicBezTo>
                      <a:cubicBezTo>
                        <a:pt x="2871462" y="783655"/>
                        <a:pt x="2840219" y="778321"/>
                        <a:pt x="2809930" y="769367"/>
                      </a:cubicBezTo>
                      <a:cubicBezTo>
                        <a:pt x="2787259" y="762509"/>
                        <a:pt x="2764590" y="754316"/>
                        <a:pt x="2743826" y="743268"/>
                      </a:cubicBezTo>
                      <a:cubicBezTo>
                        <a:pt x="2713723" y="727073"/>
                        <a:pt x="2687436" y="702689"/>
                        <a:pt x="2649143" y="709167"/>
                      </a:cubicBezTo>
                      <a:cubicBezTo>
                        <a:pt x="2615421" y="714881"/>
                        <a:pt x="2584942" y="702881"/>
                        <a:pt x="2554079" y="691450"/>
                      </a:cubicBezTo>
                      <a:cubicBezTo>
                        <a:pt x="2531409" y="683068"/>
                        <a:pt x="2508742" y="674494"/>
                        <a:pt x="2485307" y="669160"/>
                      </a:cubicBezTo>
                      <a:cubicBezTo>
                        <a:pt x="2457492" y="662873"/>
                        <a:pt x="2426059" y="665541"/>
                        <a:pt x="2401292" y="653919"/>
                      </a:cubicBezTo>
                      <a:cubicBezTo>
                        <a:pt x="2375383" y="641727"/>
                        <a:pt x="2353859" y="649919"/>
                        <a:pt x="2330806" y="653349"/>
                      </a:cubicBezTo>
                      <a:cubicBezTo>
                        <a:pt x="2294039" y="658683"/>
                        <a:pt x="2257459" y="668590"/>
                        <a:pt x="2220312" y="656015"/>
                      </a:cubicBezTo>
                      <a:cubicBezTo>
                        <a:pt x="2175163" y="640775"/>
                        <a:pt x="2130393" y="624392"/>
                        <a:pt x="2085054" y="609914"/>
                      </a:cubicBezTo>
                      <a:cubicBezTo>
                        <a:pt x="2067525" y="604387"/>
                        <a:pt x="2048668" y="602101"/>
                        <a:pt x="2030378" y="599625"/>
                      </a:cubicBezTo>
                      <a:cubicBezTo>
                        <a:pt x="2013043" y="597529"/>
                        <a:pt x="1992279" y="602863"/>
                        <a:pt x="1978940" y="594863"/>
                      </a:cubicBezTo>
                      <a:cubicBezTo>
                        <a:pt x="1944649" y="574288"/>
                        <a:pt x="1909408" y="564192"/>
                        <a:pt x="1869780" y="564192"/>
                      </a:cubicBezTo>
                      <a:cubicBezTo>
                        <a:pt x="1854920" y="564192"/>
                        <a:pt x="1840441" y="555618"/>
                        <a:pt x="1825393" y="554094"/>
                      </a:cubicBezTo>
                      <a:cubicBezTo>
                        <a:pt x="1804816" y="552190"/>
                        <a:pt x="1781194" y="547045"/>
                        <a:pt x="1763287" y="554286"/>
                      </a:cubicBezTo>
                      <a:cubicBezTo>
                        <a:pt x="1721185" y="571430"/>
                        <a:pt x="1687086" y="557142"/>
                        <a:pt x="1650317" y="540187"/>
                      </a:cubicBezTo>
                      <a:cubicBezTo>
                        <a:pt x="1614120" y="523423"/>
                        <a:pt x="1576019" y="510088"/>
                        <a:pt x="1537537" y="499038"/>
                      </a:cubicBezTo>
                      <a:cubicBezTo>
                        <a:pt x="1523059" y="495038"/>
                        <a:pt x="1505724" y="501706"/>
                        <a:pt x="1489720" y="503038"/>
                      </a:cubicBezTo>
                      <a:cubicBezTo>
                        <a:pt x="1484004" y="503420"/>
                        <a:pt x="1477717" y="503992"/>
                        <a:pt x="1472575" y="502086"/>
                      </a:cubicBezTo>
                      <a:cubicBezTo>
                        <a:pt x="1422854" y="483797"/>
                        <a:pt x="1372368" y="469891"/>
                        <a:pt x="1318456" y="479415"/>
                      </a:cubicBezTo>
                      <a:cubicBezTo>
                        <a:pt x="1313504" y="480369"/>
                        <a:pt x="1307978" y="478273"/>
                        <a:pt x="1303024" y="476939"/>
                      </a:cubicBezTo>
                      <a:cubicBezTo>
                        <a:pt x="1278829" y="470081"/>
                        <a:pt x="1255206" y="459223"/>
                        <a:pt x="1230633" y="456746"/>
                      </a:cubicBezTo>
                      <a:cubicBezTo>
                        <a:pt x="1170051" y="450650"/>
                        <a:pt x="1109091" y="448172"/>
                        <a:pt x="1048125" y="444172"/>
                      </a:cubicBezTo>
                      <a:cubicBezTo>
                        <a:pt x="1044315" y="443982"/>
                        <a:pt x="1040315" y="443982"/>
                        <a:pt x="1036887" y="442648"/>
                      </a:cubicBezTo>
                      <a:cubicBezTo>
                        <a:pt x="1014406" y="434456"/>
                        <a:pt x="994785" y="437124"/>
                        <a:pt x="975733" y="452744"/>
                      </a:cubicBezTo>
                      <a:cubicBezTo>
                        <a:pt x="967350" y="459603"/>
                        <a:pt x="955920" y="463223"/>
                        <a:pt x="945444" y="467033"/>
                      </a:cubicBezTo>
                      <a:cubicBezTo>
                        <a:pt x="930011" y="472749"/>
                        <a:pt x="914200" y="478273"/>
                        <a:pt x="898198" y="481893"/>
                      </a:cubicBezTo>
                      <a:cubicBezTo>
                        <a:pt x="882384" y="485321"/>
                        <a:pt x="865430" y="490084"/>
                        <a:pt x="850189" y="487417"/>
                      </a:cubicBezTo>
                      <a:cubicBezTo>
                        <a:pt x="822756" y="482655"/>
                        <a:pt x="796655" y="471987"/>
                        <a:pt x="769605" y="464937"/>
                      </a:cubicBezTo>
                      <a:cubicBezTo>
                        <a:pt x="760270" y="462461"/>
                        <a:pt x="749982" y="462843"/>
                        <a:pt x="740268" y="462651"/>
                      </a:cubicBezTo>
                      <a:cubicBezTo>
                        <a:pt x="717977" y="462081"/>
                        <a:pt x="695116" y="467605"/>
                        <a:pt x="674923" y="451792"/>
                      </a:cubicBezTo>
                      <a:cubicBezTo>
                        <a:pt x="656255" y="436934"/>
                        <a:pt x="637392" y="441314"/>
                        <a:pt x="617772" y="452554"/>
                      </a:cubicBezTo>
                      <a:cubicBezTo>
                        <a:pt x="603673" y="460557"/>
                        <a:pt x="587672" y="466843"/>
                        <a:pt x="571860" y="469891"/>
                      </a:cubicBezTo>
                      <a:cubicBezTo>
                        <a:pt x="550141" y="474081"/>
                        <a:pt x="528615" y="475797"/>
                        <a:pt x="505182" y="473319"/>
                      </a:cubicBezTo>
                      <a:cubicBezTo>
                        <a:pt x="488607" y="471605"/>
                        <a:pt x="475081" y="470843"/>
                        <a:pt x="462126" y="460747"/>
                      </a:cubicBezTo>
                      <a:cubicBezTo>
                        <a:pt x="460032" y="459223"/>
                        <a:pt x="456222" y="458841"/>
                        <a:pt x="453364" y="459033"/>
                      </a:cubicBezTo>
                      <a:cubicBezTo>
                        <a:pt x="415835" y="462271"/>
                        <a:pt x="378686" y="460557"/>
                        <a:pt x="340774" y="458268"/>
                      </a:cubicBezTo>
                      <a:cubicBezTo>
                        <a:pt x="292579" y="455222"/>
                        <a:pt x="241901" y="464175"/>
                        <a:pt x="200182" y="496180"/>
                      </a:cubicBezTo>
                      <a:cubicBezTo>
                        <a:pt x="194085" y="500944"/>
                        <a:pt x="184941" y="503038"/>
                        <a:pt x="176939" y="504182"/>
                      </a:cubicBezTo>
                      <a:cubicBezTo>
                        <a:pt x="139219" y="509134"/>
                        <a:pt x="101308" y="512564"/>
                        <a:pt x="63587" y="518088"/>
                      </a:cubicBezTo>
                      <a:cubicBezTo>
                        <a:pt x="43012" y="521137"/>
                        <a:pt x="21486" y="523805"/>
                        <a:pt x="2817" y="532187"/>
                      </a:cubicBezTo>
                      <a:lnTo>
                        <a:pt x="0" y="533314"/>
                      </a:lnTo>
                      <a:close/>
                    </a:path>
                  </a:pathLst>
                </a:custGeom>
                <a:grpFill/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wrap="square" rtlCol="0" anchor="ctr">
                  <a:noAutofit/>
                </a:bodyPr>
                <a:lstStyle/>
                <a:p>
                  <a:pPr algn="ctr"/>
                  <a:endParaRPr lang="en-US"/>
                </a:p>
              </p:txBody>
            </p:sp>
          </p:grpSp>
        </p:grpSp>
      </p:grpSp>
      <p:sp>
        <p:nvSpPr>
          <p:cNvPr id="5" name="Titel 4">
            <a:extLst>
              <a:ext uri="{FF2B5EF4-FFF2-40B4-BE49-F238E27FC236}">
                <a16:creationId xmlns:a16="http://schemas.microsoft.com/office/drawing/2014/main" id="{B3D2E37F-8571-4900-9CF5-56AC95E0DC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7088" y="1641752"/>
            <a:ext cx="2655887" cy="3213277"/>
          </a:xfrm>
        </p:spPr>
        <p:txBody>
          <a:bodyPr anchor="t">
            <a:normAutofit/>
          </a:bodyPr>
          <a:lstStyle/>
          <a:p>
            <a:r>
              <a:rPr lang="da-DK" sz="4000" b="1">
                <a:solidFill>
                  <a:schemeClr val="bg1"/>
                </a:solidFill>
              </a:rPr>
              <a:t>Referencer: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FB52A481-854F-4676-A3C8-D7A21CE0CE7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32401" y="1721579"/>
            <a:ext cx="6140449" cy="395264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200" dirty="0">
                <a:solidFill>
                  <a:schemeClr val="bg1">
                    <a:alpha val="80000"/>
                  </a:schemeClr>
                </a:solidFill>
              </a:rPr>
              <a:t>Fuller, T. (Ed.). (1989). </a:t>
            </a:r>
            <a:r>
              <a:rPr lang="en-US" sz="2200" i="1" dirty="0">
                <a:solidFill>
                  <a:schemeClr val="bg1">
                    <a:alpha val="80000"/>
                  </a:schemeClr>
                </a:solidFill>
              </a:rPr>
              <a:t>The Voice of Liberal Learning: Michael Oakeshott on Education</a:t>
            </a:r>
            <a:r>
              <a:rPr lang="en-US" sz="2200" dirty="0">
                <a:solidFill>
                  <a:schemeClr val="bg1">
                    <a:alpha val="80000"/>
                  </a:schemeClr>
                </a:solidFill>
              </a:rPr>
              <a:t>. New Haven</a:t>
            </a:r>
            <a:r>
              <a:rPr lang="en-US" sz="2200">
                <a:solidFill>
                  <a:schemeClr val="bg1">
                    <a:alpha val="80000"/>
                  </a:schemeClr>
                </a:solidFill>
              </a:rPr>
              <a:t>; London: </a:t>
            </a:r>
            <a:r>
              <a:rPr lang="en-US" sz="2200" dirty="0">
                <a:solidFill>
                  <a:schemeClr val="bg1">
                    <a:alpha val="80000"/>
                  </a:schemeClr>
                </a:solidFill>
              </a:rPr>
              <a:t>Yale University Press. Retrieved January 31, 2021, from </a:t>
            </a:r>
            <a:r>
              <a:rPr lang="en-US" sz="2200" dirty="0">
                <a:solidFill>
                  <a:schemeClr val="bg1">
                    <a:alpha val="80000"/>
                  </a:schemeClr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://www.jstor.org/stable/j.ctt1xp3tm1</a:t>
            </a:r>
            <a:endParaRPr lang="en-US" sz="22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endParaRPr lang="en-US" sz="2200" b="0" i="0" kern="1200" dirty="0">
              <a:solidFill>
                <a:schemeClr val="bg1">
                  <a:alpha val="80000"/>
                </a:schemeClr>
              </a:solidFill>
              <a:effectLst/>
              <a:ea typeface="+mj-ea"/>
              <a:cs typeface="+mj-cs"/>
            </a:endParaRPr>
          </a:p>
          <a:p>
            <a:pPr marL="0" indent="0">
              <a:buNone/>
            </a:pPr>
            <a:r>
              <a:rPr lang="en-US" sz="2200" b="0" i="0" kern="1200" dirty="0">
                <a:solidFill>
                  <a:schemeClr val="bg1">
                    <a:alpha val="80000"/>
                  </a:schemeClr>
                </a:solidFill>
                <a:effectLst/>
                <a:ea typeface="+mj-ea"/>
                <a:cs typeface="+mj-cs"/>
              </a:rPr>
              <a:t>Robinson, V. (2011). </a:t>
            </a:r>
            <a:r>
              <a:rPr lang="en-US" sz="2200" b="0" i="1" kern="1200" dirty="0">
                <a:solidFill>
                  <a:schemeClr val="bg1">
                    <a:alpha val="80000"/>
                  </a:schemeClr>
                </a:solidFill>
                <a:effectLst/>
                <a:ea typeface="+mj-ea"/>
                <a:cs typeface="+mj-cs"/>
              </a:rPr>
              <a:t>Student-Centered Leadership</a:t>
            </a:r>
            <a:r>
              <a:rPr lang="en-US" sz="2200" b="0" i="0" kern="1200" dirty="0">
                <a:solidFill>
                  <a:schemeClr val="bg1">
                    <a:alpha val="80000"/>
                  </a:schemeClr>
                </a:solidFill>
                <a:effectLst/>
                <a:ea typeface="+mj-ea"/>
                <a:cs typeface="+mj-cs"/>
              </a:rPr>
              <a:t>. Hoboken, NJ: Jossey-Bass</a:t>
            </a:r>
          </a:p>
          <a:p>
            <a:pPr marL="0" indent="0">
              <a:buNone/>
            </a:pPr>
            <a:endParaRPr lang="en-US" sz="2200" dirty="0">
              <a:solidFill>
                <a:schemeClr val="bg1">
                  <a:alpha val="80000"/>
                </a:schemeClr>
              </a:solidFill>
              <a:ea typeface="+mj-ea"/>
              <a:cs typeface="+mj-cs"/>
            </a:endParaRPr>
          </a:p>
          <a:p>
            <a:pPr marL="0" indent="0">
              <a:buNone/>
            </a:pPr>
            <a:r>
              <a:rPr lang="en-US" sz="2200" b="0" i="0" kern="1200" dirty="0" err="1">
                <a:solidFill>
                  <a:schemeClr val="bg1">
                    <a:alpha val="80000"/>
                  </a:schemeClr>
                </a:solidFill>
                <a:effectLst/>
                <a:ea typeface="+mj-ea"/>
                <a:cs typeface="+mj-cs"/>
              </a:rPr>
              <a:t>Inspirationskatalog</a:t>
            </a:r>
            <a:r>
              <a:rPr lang="en-US" sz="2200" b="0" i="0" kern="1200" dirty="0">
                <a:solidFill>
                  <a:schemeClr val="bg1">
                    <a:alpha val="80000"/>
                  </a:schemeClr>
                </a:solidFill>
                <a:effectLst/>
                <a:ea typeface="+mj-ea"/>
                <a:cs typeface="+mj-cs"/>
              </a:rPr>
              <a:t>: </a:t>
            </a:r>
            <a:r>
              <a:rPr lang="da-DK" sz="2200" dirty="0">
                <a:solidFill>
                  <a:schemeClr val="bg1">
                    <a:alpha val="80000"/>
                  </a:schemeClr>
                </a:solidFill>
                <a:hlinkClick r:id="rId4"/>
              </a:rPr>
              <a:t>Inspirationskatalog.pdf (emu.dk)</a:t>
            </a:r>
            <a:endParaRPr lang="en-US" sz="2200" dirty="0">
              <a:solidFill>
                <a:schemeClr val="bg1">
                  <a:alpha val="80000"/>
                </a:schemeClr>
              </a:solidFill>
              <a:ea typeface="+mj-ea"/>
              <a:cs typeface="+mj-cs"/>
            </a:endParaRPr>
          </a:p>
          <a:p>
            <a:pPr marL="0" indent="0">
              <a:buNone/>
            </a:pPr>
            <a:endParaRPr lang="en-US" sz="2200" b="0" i="0" kern="1200" dirty="0">
              <a:solidFill>
                <a:schemeClr val="bg1">
                  <a:alpha val="80000"/>
                </a:schemeClr>
              </a:solidFill>
              <a:effectLst/>
              <a:ea typeface="+mj-ea"/>
              <a:cs typeface="+mj-cs"/>
            </a:endParaRPr>
          </a:p>
          <a:p>
            <a:pPr marL="0" indent="0">
              <a:buNone/>
            </a:pPr>
            <a:endParaRPr lang="en-US" sz="2200" dirty="0">
              <a:solidFill>
                <a:schemeClr val="bg1">
                  <a:alpha val="80000"/>
                </a:schemeClr>
              </a:solidFill>
              <a:latin typeface="+mj-lt"/>
              <a:ea typeface="+mj-ea"/>
              <a:cs typeface="+mj-cs"/>
            </a:endParaRPr>
          </a:p>
          <a:p>
            <a:pPr marL="0" indent="0">
              <a:buNone/>
            </a:pPr>
            <a:endParaRPr lang="en-US" sz="2200" dirty="0">
              <a:solidFill>
                <a:schemeClr val="bg1">
                  <a:alpha val="80000"/>
                </a:schemeClr>
              </a:solidFill>
            </a:endParaRPr>
          </a:p>
          <a:p>
            <a:pPr marL="0" indent="0">
              <a:buNone/>
            </a:pPr>
            <a:endParaRPr lang="da-DK" sz="2200" dirty="0">
              <a:solidFill>
                <a:schemeClr val="bg1">
                  <a:alpha val="8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334948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7" name="Rectangle 2">
            <a:extLst>
              <a:ext uri="{FF2B5EF4-FFF2-40B4-BE49-F238E27FC236}">
                <a16:creationId xmlns:a16="http://schemas.microsoft.com/office/drawing/2014/main" id="{64AF3280-E06E-344C-9821-06050F029E9A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endParaRPr lang="da-DK" altLang="da-DK">
              <a:latin typeface="Courier" pitchFamily="2" charset="0"/>
              <a:ea typeface="ＭＳ Ｐゴシック" panose="020B0600070205080204" pitchFamily="34" charset="-128"/>
            </a:endParaRPr>
          </a:p>
        </p:txBody>
      </p:sp>
      <p:pic>
        <p:nvPicPr>
          <p:cNvPr id="60418" name="Picture 4" descr="anette">
            <a:extLst>
              <a:ext uri="{FF2B5EF4-FFF2-40B4-BE49-F238E27FC236}">
                <a16:creationId xmlns:a16="http://schemas.microsoft.com/office/drawing/2014/main" id="{2BC88B0F-5977-EC4E-8A64-6C65FEDFB12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95251" y="-71438"/>
            <a:ext cx="12192000" cy="685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el 2">
            <a:extLst>
              <a:ext uri="{FF2B5EF4-FFF2-40B4-BE49-F238E27FC236}">
                <a16:creationId xmlns:a16="http://schemas.microsoft.com/office/drawing/2014/main" id="{A75166F4-D4CA-45D1-90C6-0C1FB3C729BF}"/>
              </a:ext>
            </a:extLst>
          </p:cNvPr>
          <p:cNvSpPr txBox="1">
            <a:spLocks/>
          </p:cNvSpPr>
          <p:nvPr/>
        </p:nvSpPr>
        <p:spPr>
          <a:xfrm>
            <a:off x="1008591" y="4887119"/>
            <a:ext cx="9984316" cy="1008112"/>
          </a:xfrm>
          <a:prstGeom prst="rect">
            <a:avLst/>
          </a:prstGeom>
        </p:spPr>
        <p:txBody>
          <a:bodyPr/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4800" b="1" dirty="0">
                <a:solidFill>
                  <a:schemeClr val="accent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d os se på hvad vi har af god praksis!!!</a:t>
            </a:r>
          </a:p>
        </p:txBody>
      </p:sp>
    </p:spTree>
    <p:extLst>
      <p:ext uri="{BB962C8B-B14F-4D97-AF65-F5344CB8AC3E}">
        <p14:creationId xmlns:p14="http://schemas.microsoft.com/office/powerpoint/2010/main" val="2820494803"/>
      </p:ext>
    </p:extLst>
  </p:cSld>
  <p:clrMapOvr>
    <a:masterClrMapping/>
  </p:clrMapOvr>
  <p:transition spd="slow"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tint val="95000"/>
            <a:satMod val="17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9" name="Rectangle 8">
            <a:extLst>
              <a:ext uri="{FF2B5EF4-FFF2-40B4-BE49-F238E27FC236}">
                <a16:creationId xmlns:a16="http://schemas.microsoft.com/office/drawing/2014/main" id="{08E89D5E-1885-4160-AC77-CC471DD1D0D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88952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06C6189A-A9B5-4AE2-B432-DBB58CD4DD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43277" y="712269"/>
            <a:ext cx="3370998" cy="5502264"/>
          </a:xfrm>
        </p:spPr>
        <p:txBody>
          <a:bodyPr>
            <a:normAutofit/>
          </a:bodyPr>
          <a:lstStyle/>
          <a:p>
            <a:pPr algn="ctr"/>
            <a:r>
              <a:rPr lang="da-DK" sz="34400" b="1" dirty="0">
                <a:latin typeface="+mn-lt"/>
              </a:rPr>
              <a:t>?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EC15C128-8E68-44BD-BF94-FBA9CA4B030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585304" y="2395983"/>
            <a:ext cx="0" cy="2228850"/>
          </a:xfrm>
          <a:prstGeom prst="line">
            <a:avLst/>
          </a:prstGeom>
          <a:ln w="19050">
            <a:solidFill>
              <a:schemeClr val="tx1">
                <a:alpha val="6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5" name="Pladsholder til indhold 2">
            <a:extLst>
              <a:ext uri="{FF2B5EF4-FFF2-40B4-BE49-F238E27FC236}">
                <a16:creationId xmlns:a16="http://schemas.microsoft.com/office/drawing/2014/main" id="{6662E5CC-9C42-42F6-92E0-606C8AD6CF5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66388574"/>
              </p:ext>
            </p:extLst>
          </p:nvPr>
        </p:nvGraphicFramePr>
        <p:xfrm>
          <a:off x="5280025" y="642938"/>
          <a:ext cx="6269038" cy="557212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6651280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017" name="Titel 1">
            <a:extLst>
              <a:ext uri="{FF2B5EF4-FFF2-40B4-BE49-F238E27FC236}">
                <a16:creationId xmlns:a16="http://schemas.microsoft.com/office/drawing/2014/main" id="{CE5CC434-7023-9F42-8BE5-5491A10ADD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22809"/>
            <a:ext cx="10515600" cy="1325563"/>
          </a:xfrm>
        </p:spPr>
        <p:txBody>
          <a:bodyPr>
            <a:normAutofit/>
          </a:bodyPr>
          <a:lstStyle/>
          <a:p>
            <a:pPr algn="ctr" eaLnBrk="1" hangingPunct="1"/>
            <a:r>
              <a:rPr lang="da-DK" altLang="da-DK" sz="6600" b="1">
                <a:latin typeface="+mn-lt"/>
                <a:ea typeface="ＭＳ Ｐゴシック" panose="020B0600070205080204" pitchFamily="34" charset="-128"/>
              </a:rPr>
              <a:t>Med forskellige hensigter</a:t>
            </a:r>
          </a:p>
        </p:txBody>
      </p:sp>
      <p:sp>
        <p:nvSpPr>
          <p:cNvPr id="86024" name="Rectangle 74">
            <a:extLst>
              <a:ext uri="{FF2B5EF4-FFF2-40B4-BE49-F238E27FC236}">
                <a16:creationId xmlns:a16="http://schemas.microsoft.com/office/drawing/2014/main" id="{F0F47199-4BA7-4321-AD8B-750D19B9D3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6124" cy="6858000"/>
          </a:xfrm>
          <a:prstGeom prst="rect">
            <a:avLst/>
          </a:prstGeom>
          <a:solidFill>
            <a:srgbClr val="4472C4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6019" name="Pladsholder til dato 3">
            <a:extLst>
              <a:ext uri="{FF2B5EF4-FFF2-40B4-BE49-F238E27FC236}">
                <a16:creationId xmlns:a16="http://schemas.microsoft.com/office/drawing/2014/main" id="{6BE14CFC-5F79-AD42-97E1-26B6FBF40491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auto">
          <a:xfrm>
            <a:off x="838200" y="6356350"/>
            <a:ext cx="2743200" cy="365125"/>
          </a:xfr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numCol="1" anchorCtr="0" compatLnSpc="1">
            <a:prstTxWarp prst="textNoShape">
              <a:avLst/>
            </a:prstTxWarp>
            <a:norm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spcBef>
                <a:spcPct val="0"/>
              </a:spcBef>
              <a:spcAft>
                <a:spcPts val="600"/>
              </a:spcAft>
              <a:buFontTx/>
              <a:buNone/>
            </a:pPr>
            <a:fld id="{50E1204E-D209-0D42-A543-77588E42D31F}" type="datetime3">
              <a:rPr lang="da-DK" altLang="da-DK" sz="1800">
                <a:latin typeface="Verdana" panose="020B0604030504040204" pitchFamily="34" charset="0"/>
                <a:ea typeface="ＭＳ Ｐゴシック" panose="020B0600070205080204" pitchFamily="34" charset="-128"/>
              </a:rPr>
              <a:pPr>
                <a:spcBef>
                  <a:spcPct val="0"/>
                </a:spcBef>
                <a:spcAft>
                  <a:spcPts val="600"/>
                </a:spcAft>
                <a:buFontTx/>
                <a:buNone/>
              </a:pPr>
              <a:t>31.01.2021</a:t>
            </a:fld>
            <a:endParaRPr lang="da-DK" altLang="da-DK" sz="1800">
              <a:latin typeface="Verdana" panose="020B0604030504040204" pitchFamily="34" charset="0"/>
              <a:ea typeface="ＭＳ Ｐゴシック" panose="020B0600070205080204" pitchFamily="34" charset="-128"/>
            </a:endParaRPr>
          </a:p>
        </p:txBody>
      </p:sp>
      <p:sp>
        <p:nvSpPr>
          <p:cNvPr id="86020" name="Pladsholder til diasnummer 4">
            <a:extLst>
              <a:ext uri="{FF2B5EF4-FFF2-40B4-BE49-F238E27FC236}">
                <a16:creationId xmlns:a16="http://schemas.microsoft.com/office/drawing/2014/main" id="{953F9F1A-C841-4940-B578-BC641B35DC66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 bwMode="auto">
          <a:xfrm>
            <a:off x="8610600" y="6356350"/>
            <a:ext cx="2743200" cy="365125"/>
          </a:xfr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normAutofit/>
          </a:bodyPr>
          <a:lstStyle>
            <a:lvl1pPr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>
                <a:solidFill>
                  <a:schemeClr val="tx1"/>
                </a:solidFill>
                <a:latin typeface="Calibri" panose="020F0502020204030204" pitchFamily="34" charset="0"/>
              </a:defRPr>
            </a:lvl1pPr>
            <a:lvl2pPr marL="742950" indent="-28575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>
                <a:solidFill>
                  <a:schemeClr val="tx1"/>
                </a:solidFill>
                <a:latin typeface="Calibri" panose="020F0502020204030204" pitchFamily="34" charset="0"/>
              </a:defRPr>
            </a:lvl2pPr>
            <a:lvl3pPr marL="11430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Calibri" panose="020F0502020204030204" pitchFamily="34" charset="0"/>
              </a:defRPr>
            </a:lvl3pPr>
            <a:lvl4pPr marL="16002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4pPr>
            <a:lvl5pPr marL="2057400" indent="-228600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50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  <a:latin typeface="Calibri" panose="020F0502020204030204" pitchFamily="34" charset="0"/>
              </a:defRPr>
            </a:lvl9pPr>
          </a:lstStyle>
          <a:p>
            <a:pPr>
              <a:spcBef>
                <a:spcPct val="0"/>
              </a:spcBef>
              <a:spcAft>
                <a:spcPts val="600"/>
              </a:spcAft>
              <a:buFontTx/>
              <a:buNone/>
            </a:pPr>
            <a:r>
              <a:rPr lang="da-DK" altLang="da-DK" sz="1800">
                <a:latin typeface="Verdana" panose="020B0604030504040204" pitchFamily="34" charset="0"/>
              </a:rPr>
              <a:t>Slide </a:t>
            </a:r>
            <a:fld id="{AC865509-3B8E-334C-A268-0257839A2576}" type="slidenum">
              <a:rPr lang="da-DK" altLang="da-DK" sz="1800">
                <a:latin typeface="Verdana" panose="020B0604030504040204" pitchFamily="34" charset="0"/>
              </a:rPr>
              <a:pPr>
                <a:spcBef>
                  <a:spcPct val="0"/>
                </a:spcBef>
                <a:spcAft>
                  <a:spcPts val="600"/>
                </a:spcAft>
                <a:buFontTx/>
                <a:buNone/>
              </a:pPr>
              <a:t>4</a:t>
            </a:fld>
            <a:endParaRPr lang="da-DK" altLang="da-DK" sz="1800">
              <a:latin typeface="Verdana" panose="020B0604030504040204" pitchFamily="34" charset="0"/>
            </a:endParaRPr>
          </a:p>
        </p:txBody>
      </p:sp>
      <p:grpSp>
        <p:nvGrpSpPr>
          <p:cNvPr id="2" name="Gruppe 1">
            <a:extLst>
              <a:ext uri="{FF2B5EF4-FFF2-40B4-BE49-F238E27FC236}">
                <a16:creationId xmlns:a16="http://schemas.microsoft.com/office/drawing/2014/main" id="{BF4ABA78-3574-4020-9E94-5783D17D21B3}"/>
              </a:ext>
            </a:extLst>
          </p:cNvPr>
          <p:cNvGrpSpPr/>
          <p:nvPr/>
        </p:nvGrpSpPr>
        <p:grpSpPr>
          <a:xfrm>
            <a:off x="913968" y="1997320"/>
            <a:ext cx="10364063" cy="4015502"/>
            <a:chOff x="913968" y="1997320"/>
            <a:chExt cx="10364063" cy="4015502"/>
          </a:xfrm>
        </p:grpSpPr>
        <p:sp>
          <p:nvSpPr>
            <p:cNvPr id="6" name="Ellipse 5">
              <a:extLst>
                <a:ext uri="{FF2B5EF4-FFF2-40B4-BE49-F238E27FC236}">
                  <a16:creationId xmlns:a16="http://schemas.microsoft.com/office/drawing/2014/main" id="{46D892AF-20A3-4D11-92B0-D69058C46EFD}"/>
                </a:ext>
              </a:extLst>
            </p:cNvPr>
            <p:cNvSpPr/>
            <p:nvPr/>
          </p:nvSpPr>
          <p:spPr>
            <a:xfrm>
              <a:off x="5152406" y="1997320"/>
              <a:ext cx="1887187" cy="1887187"/>
            </a:xfrm>
            <a:prstGeom prst="ellipse">
              <a:avLst/>
            </a:prstGeom>
          </p:spPr>
          <p:style>
            <a:lnRef idx="0">
              <a:schemeClr val="accent3">
                <a:hueOff val="0"/>
                <a:satOff val="0"/>
                <a:lumOff val="0"/>
                <a:alphaOff val="0"/>
              </a:schemeClr>
            </a:lnRef>
            <a:fillRef idx="1">
              <a:schemeClr val="bg1">
                <a:lumMod val="95000"/>
                <a:hueOff val="0"/>
                <a:satOff val="0"/>
                <a:lumOff val="0"/>
                <a:alphaOff val="0"/>
              </a:schemeClr>
            </a:fillRef>
            <a:effectRef idx="0">
              <a:schemeClr val="bg1">
                <a:lumMod val="95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3" name="Ellipse 2">
              <a:extLst>
                <a:ext uri="{FF2B5EF4-FFF2-40B4-BE49-F238E27FC236}">
                  <a16:creationId xmlns:a16="http://schemas.microsoft.com/office/drawing/2014/main" id="{C0F9B976-8C89-4D90-8142-F4FDDC4DFA5C}"/>
                </a:ext>
              </a:extLst>
            </p:cNvPr>
            <p:cNvSpPr/>
            <p:nvPr/>
          </p:nvSpPr>
          <p:spPr>
            <a:xfrm>
              <a:off x="1517250" y="1997320"/>
              <a:ext cx="1887187" cy="1887187"/>
            </a:xfrm>
            <a:prstGeom prst="ellipse">
              <a:avLst/>
            </a:prstGeom>
          </p:spPr>
          <p:style>
            <a:lnRef idx="0">
              <a:schemeClr val="accent3">
                <a:hueOff val="0"/>
                <a:satOff val="0"/>
                <a:lumOff val="0"/>
                <a:alphaOff val="0"/>
              </a:schemeClr>
            </a:lnRef>
            <a:fillRef idx="1">
              <a:schemeClr val="bg1">
                <a:lumMod val="95000"/>
                <a:hueOff val="0"/>
                <a:satOff val="0"/>
                <a:lumOff val="0"/>
                <a:alphaOff val="0"/>
              </a:schemeClr>
            </a:fillRef>
            <a:effectRef idx="0">
              <a:schemeClr val="bg1">
                <a:lumMod val="95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" name="Rektangel 3" descr="Klasseværelse">
              <a:extLst>
                <a:ext uri="{FF2B5EF4-FFF2-40B4-BE49-F238E27FC236}">
                  <a16:creationId xmlns:a16="http://schemas.microsoft.com/office/drawing/2014/main" id="{784BB255-257F-4291-BB77-F7F881A598D8}"/>
                </a:ext>
              </a:extLst>
            </p:cNvPr>
            <p:cNvSpPr/>
            <p:nvPr/>
          </p:nvSpPr>
          <p:spPr>
            <a:xfrm>
              <a:off x="5554590" y="2454926"/>
              <a:ext cx="1082812" cy="1082812"/>
            </a:xfrm>
            <a:prstGeom prst="rect">
              <a:avLst/>
            </a:prstGeom>
            <a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4"/>
                  </a:ext>
                </a:extLst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5" name="Kombinationstegning: figur 4">
              <a:extLst>
                <a:ext uri="{FF2B5EF4-FFF2-40B4-BE49-F238E27FC236}">
                  <a16:creationId xmlns:a16="http://schemas.microsoft.com/office/drawing/2014/main" id="{62AA13E3-817E-41C3-9BD4-8F1E7CD53FD4}"/>
                </a:ext>
              </a:extLst>
            </p:cNvPr>
            <p:cNvSpPr/>
            <p:nvPr/>
          </p:nvSpPr>
          <p:spPr>
            <a:xfrm>
              <a:off x="913968" y="4472320"/>
              <a:ext cx="3093750" cy="1540502"/>
            </a:xfrm>
            <a:custGeom>
              <a:avLst/>
              <a:gdLst>
                <a:gd name="connsiteX0" fmla="*/ 0 w 3093750"/>
                <a:gd name="connsiteY0" fmla="*/ 0 h 1540502"/>
                <a:gd name="connsiteX1" fmla="*/ 3093750 w 3093750"/>
                <a:gd name="connsiteY1" fmla="*/ 0 h 1540502"/>
                <a:gd name="connsiteX2" fmla="*/ 3093750 w 3093750"/>
                <a:gd name="connsiteY2" fmla="*/ 1540502 h 1540502"/>
                <a:gd name="connsiteX3" fmla="*/ 0 w 3093750"/>
                <a:gd name="connsiteY3" fmla="*/ 1540502 h 1540502"/>
                <a:gd name="connsiteX4" fmla="*/ 0 w 3093750"/>
                <a:gd name="connsiteY4" fmla="*/ 0 h 15405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093750" h="1540502">
                  <a:moveTo>
                    <a:pt x="0" y="0"/>
                  </a:moveTo>
                  <a:lnTo>
                    <a:pt x="3093750" y="0"/>
                  </a:lnTo>
                  <a:lnTo>
                    <a:pt x="3093750" y="1540502"/>
                  </a:lnTo>
                  <a:lnTo>
                    <a:pt x="0" y="15405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48895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  <a:defRPr cap="all"/>
              </a:pPr>
              <a:r>
                <a:rPr lang="da-DK" sz="1100" kern="1200"/>
                <a:t>Digital læring formodes at skabe ”</a:t>
              </a:r>
              <a:r>
                <a:rPr lang="da-DK" sz="1100" u="sng" kern="1200"/>
                <a:t>bedre” læring</a:t>
              </a:r>
              <a:r>
                <a:rPr lang="da-DK" sz="1100" kern="1200"/>
                <a:t>. Det vil sige, at deltagerne fx lærer på måder, der giver større udbytte i forhold til indsatsen med større overensstemmelse med omverdenens krav og/eller den måde de i øvrigt tilegner sig verden .</a:t>
              </a:r>
              <a:endParaRPr lang="en-US" sz="1100" kern="1200"/>
            </a:p>
          </p:txBody>
        </p:sp>
        <p:sp>
          <p:nvSpPr>
            <p:cNvPr id="7" name="Rektangel 6" descr="Forbindelser">
              <a:extLst>
                <a:ext uri="{FF2B5EF4-FFF2-40B4-BE49-F238E27FC236}">
                  <a16:creationId xmlns:a16="http://schemas.microsoft.com/office/drawing/2014/main" id="{44A72023-47F6-4048-A6D1-65A68C122182}"/>
                </a:ext>
              </a:extLst>
            </p:cNvPr>
            <p:cNvSpPr/>
            <p:nvPr/>
          </p:nvSpPr>
          <p:spPr>
            <a:xfrm>
              <a:off x="1963500" y="2405052"/>
              <a:ext cx="1082812" cy="1082812"/>
            </a:xfrm>
            <a:prstGeom prst="rect">
              <a:avLst/>
            </a:prstGeom>
            <a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6"/>
                  </a:ext>
                </a:extLst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8" name="Kombinationstegning: figur 7">
              <a:extLst>
                <a:ext uri="{FF2B5EF4-FFF2-40B4-BE49-F238E27FC236}">
                  <a16:creationId xmlns:a16="http://schemas.microsoft.com/office/drawing/2014/main" id="{83DA89C1-F32B-4A99-BDB9-BE948A37D6EE}"/>
                </a:ext>
              </a:extLst>
            </p:cNvPr>
            <p:cNvSpPr/>
            <p:nvPr/>
          </p:nvSpPr>
          <p:spPr>
            <a:xfrm>
              <a:off x="4549125" y="4472320"/>
              <a:ext cx="3093750" cy="1540502"/>
            </a:xfrm>
            <a:custGeom>
              <a:avLst/>
              <a:gdLst>
                <a:gd name="connsiteX0" fmla="*/ 0 w 3093750"/>
                <a:gd name="connsiteY0" fmla="*/ 0 h 1540502"/>
                <a:gd name="connsiteX1" fmla="*/ 3093750 w 3093750"/>
                <a:gd name="connsiteY1" fmla="*/ 0 h 1540502"/>
                <a:gd name="connsiteX2" fmla="*/ 3093750 w 3093750"/>
                <a:gd name="connsiteY2" fmla="*/ 1540502 h 1540502"/>
                <a:gd name="connsiteX3" fmla="*/ 0 w 3093750"/>
                <a:gd name="connsiteY3" fmla="*/ 1540502 h 1540502"/>
                <a:gd name="connsiteX4" fmla="*/ 0 w 3093750"/>
                <a:gd name="connsiteY4" fmla="*/ 0 h 15405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093750" h="1540502">
                  <a:moveTo>
                    <a:pt x="0" y="0"/>
                  </a:moveTo>
                  <a:lnTo>
                    <a:pt x="3093750" y="0"/>
                  </a:lnTo>
                  <a:lnTo>
                    <a:pt x="3093750" y="1540502"/>
                  </a:lnTo>
                  <a:lnTo>
                    <a:pt x="0" y="15405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48895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  <a:defRPr cap="all"/>
              </a:pPr>
              <a:r>
                <a:rPr lang="da-DK" sz="1100" kern="1200"/>
                <a:t>Digital læring giver mulighed for </a:t>
              </a:r>
              <a:r>
                <a:rPr lang="da-DK" sz="1100" u="sng" kern="1200"/>
                <a:t>”mere” læring</a:t>
              </a:r>
              <a:r>
                <a:rPr lang="da-DK" sz="1100" kern="1200"/>
                <a:t>. (+ fokus på differentiering i forhold det deltageren kan i forvejen og deres individuelle læringsproces = de kan nå længere) Nye muligheder for deltagere får adgang til læring, både 24/7 og geografisk det kan fx være deltagere, der tidligere ikke har haft adgang pga. geografi, social eller kulturel distance mv.. </a:t>
              </a:r>
              <a:endParaRPr lang="en-US" sz="1100" kern="1200"/>
            </a:p>
          </p:txBody>
        </p:sp>
        <p:sp>
          <p:nvSpPr>
            <p:cNvPr id="9" name="Ellipse 8">
              <a:extLst>
                <a:ext uri="{FF2B5EF4-FFF2-40B4-BE49-F238E27FC236}">
                  <a16:creationId xmlns:a16="http://schemas.microsoft.com/office/drawing/2014/main" id="{BA86B39F-0B40-4C8C-9FD0-C0DF3747A66B}"/>
                </a:ext>
              </a:extLst>
            </p:cNvPr>
            <p:cNvSpPr/>
            <p:nvPr/>
          </p:nvSpPr>
          <p:spPr>
            <a:xfrm>
              <a:off x="8787562" y="1997320"/>
              <a:ext cx="1887187" cy="1887187"/>
            </a:xfrm>
            <a:prstGeom prst="ellipse">
              <a:avLst/>
            </a:prstGeom>
          </p:spPr>
          <p:style>
            <a:lnRef idx="0">
              <a:schemeClr val="accent3">
                <a:hueOff val="0"/>
                <a:satOff val="0"/>
                <a:lumOff val="0"/>
                <a:alphaOff val="0"/>
              </a:schemeClr>
            </a:lnRef>
            <a:fillRef idx="1">
              <a:schemeClr val="bg1">
                <a:lumMod val="95000"/>
                <a:hueOff val="0"/>
                <a:satOff val="0"/>
                <a:lumOff val="0"/>
                <a:alphaOff val="0"/>
              </a:schemeClr>
            </a:fillRef>
            <a:effectRef idx="0">
              <a:schemeClr val="bg1">
                <a:lumMod val="95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0" name="Rektangel 9" descr="Afkrydsning">
              <a:extLst>
                <a:ext uri="{FF2B5EF4-FFF2-40B4-BE49-F238E27FC236}">
                  <a16:creationId xmlns:a16="http://schemas.microsoft.com/office/drawing/2014/main" id="{3C2EE4B0-BBE9-4ED0-9F8E-FB2296AFECA1}"/>
                </a:ext>
              </a:extLst>
            </p:cNvPr>
            <p:cNvSpPr/>
            <p:nvPr/>
          </p:nvSpPr>
          <p:spPr>
            <a:xfrm>
              <a:off x="9189750" y="2399508"/>
              <a:ext cx="1082812" cy="1082812"/>
            </a:xfrm>
            <a:prstGeom prst="rect">
              <a:avLst/>
            </a:prstGeom>
            <a:blipFill>
              <a:blip r:embed="rId7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8"/>
                  </a:ext>
                </a:extLst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hemeClr val="accent3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11" name="Kombinationstegning: figur 10">
              <a:extLst>
                <a:ext uri="{FF2B5EF4-FFF2-40B4-BE49-F238E27FC236}">
                  <a16:creationId xmlns:a16="http://schemas.microsoft.com/office/drawing/2014/main" id="{702B40B2-DE28-4F86-BF08-D25F618836AD}"/>
                </a:ext>
              </a:extLst>
            </p:cNvPr>
            <p:cNvSpPr/>
            <p:nvPr/>
          </p:nvSpPr>
          <p:spPr>
            <a:xfrm>
              <a:off x="8184281" y="4472320"/>
              <a:ext cx="3093750" cy="1540502"/>
            </a:xfrm>
            <a:custGeom>
              <a:avLst/>
              <a:gdLst>
                <a:gd name="connsiteX0" fmla="*/ 0 w 3093750"/>
                <a:gd name="connsiteY0" fmla="*/ 0 h 1540502"/>
                <a:gd name="connsiteX1" fmla="*/ 3093750 w 3093750"/>
                <a:gd name="connsiteY1" fmla="*/ 0 h 1540502"/>
                <a:gd name="connsiteX2" fmla="*/ 3093750 w 3093750"/>
                <a:gd name="connsiteY2" fmla="*/ 1540502 h 1540502"/>
                <a:gd name="connsiteX3" fmla="*/ 0 w 3093750"/>
                <a:gd name="connsiteY3" fmla="*/ 1540502 h 1540502"/>
                <a:gd name="connsiteX4" fmla="*/ 0 w 3093750"/>
                <a:gd name="connsiteY4" fmla="*/ 0 h 15405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093750" h="1540502">
                  <a:moveTo>
                    <a:pt x="0" y="0"/>
                  </a:moveTo>
                  <a:lnTo>
                    <a:pt x="3093750" y="0"/>
                  </a:lnTo>
                  <a:lnTo>
                    <a:pt x="3093750" y="1540502"/>
                  </a:lnTo>
                  <a:lnTo>
                    <a:pt x="0" y="1540502"/>
                  </a:lnTo>
                  <a:lnTo>
                    <a:pt x="0" y="0"/>
                  </a:lnTo>
                  <a:close/>
                </a:path>
              </a:pathLst>
            </a:cu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0" tIns="0" rIns="0" bIns="0" numCol="1" spcCol="1270" anchor="t" anchorCtr="0">
              <a:noAutofit/>
            </a:bodyPr>
            <a:lstStyle/>
            <a:p>
              <a:pPr marL="0" lvl="0" indent="0" algn="ctr" defTabSz="488950">
                <a:lnSpc>
                  <a:spcPct val="100000"/>
                </a:lnSpc>
                <a:spcBef>
                  <a:spcPct val="0"/>
                </a:spcBef>
                <a:spcAft>
                  <a:spcPct val="35000"/>
                </a:spcAft>
                <a:buNone/>
                <a:defRPr cap="all"/>
              </a:pPr>
              <a:r>
                <a:rPr lang="da-DK" sz="1100" kern="1200" dirty="0"/>
                <a:t>Digital læring  indføres for give mulighed for at </a:t>
              </a:r>
              <a:r>
                <a:rPr lang="da-DK" sz="1100" u="sng" kern="1200" dirty="0"/>
                <a:t>effektivisere</a:t>
              </a:r>
              <a:r>
                <a:rPr lang="da-DK" sz="1100" kern="1200" dirty="0"/>
                <a:t> og optimere  - både deltagernes læringsproces (kan arbejde selvstændigt, skal ikke vente på læreren) samt i gennemførelsen, optimeret genbrug,  og driften af uddannelsesinstitutionerne (mv).</a:t>
              </a:r>
              <a:endParaRPr lang="en-US" sz="1100" kern="1200" dirty="0"/>
            </a:p>
          </p:txBody>
        </p:sp>
      </p:grpSp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F35033-754E-4D84-87D9-C2266CB755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D2B7D97-54F3-4D6C-BBD7-419653F0EE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32500" lnSpcReduction="20000"/>
          </a:bodyPr>
          <a:lstStyle/>
          <a:p>
            <a:pPr marL="0" indent="0" algn="ctr">
              <a:buNone/>
            </a:pPr>
            <a:r>
              <a:rPr lang="da-DK" sz="34400" dirty="0">
                <a:solidFill>
                  <a:schemeClr val="bg1">
                    <a:lumMod val="95000"/>
                  </a:schemeClr>
                </a:solidFill>
              </a:rPr>
              <a:t>Hybrid?: Hvad snakker vi nu om??</a:t>
            </a:r>
          </a:p>
        </p:txBody>
      </p:sp>
    </p:spTree>
    <p:extLst>
      <p:ext uri="{BB962C8B-B14F-4D97-AF65-F5344CB8AC3E}">
        <p14:creationId xmlns:p14="http://schemas.microsoft.com/office/powerpoint/2010/main" val="130801134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6C6189A-A9B5-4AE2-B432-DBB58CD4DD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ctr">
            <a:normAutofit/>
          </a:bodyPr>
          <a:lstStyle/>
          <a:p>
            <a:r>
              <a:rPr lang="da-DK" sz="5000" b="1" dirty="0">
                <a:latin typeface="+mn-lt"/>
              </a:rPr>
              <a:t>Definitorisk uklarhed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E5AA1C68-E506-4403-B982-628469C5309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62887" y="1690688"/>
            <a:ext cx="4805149" cy="3742661"/>
          </a:xfrm>
          <a:solidFill>
            <a:schemeClr val="bg1">
              <a:lumMod val="85000"/>
            </a:schemeClr>
          </a:solidFill>
        </p:spPr>
        <p:txBody>
          <a:bodyPr>
            <a:normAutofit fontScale="70000" lnSpcReduction="20000"/>
          </a:bodyPr>
          <a:lstStyle/>
          <a:p>
            <a:pPr marL="0" indent="0">
              <a:lnSpc>
                <a:spcPct val="107000"/>
              </a:lnSpc>
              <a:spcAft>
                <a:spcPts val="800"/>
              </a:spcAft>
              <a:buNone/>
            </a:pPr>
            <a:r>
              <a:rPr lang="da-DK" sz="2200" b="1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En hybrid tilgang til </a:t>
            </a:r>
            <a:r>
              <a:rPr lang="da-DK" sz="2200" b="1" u="sng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kombinerer ansigt-til-ansigt klasseundervisning med online aktiviteter. Denne tilgang reducerer mængden af traditionel tilstedeværelsesundervisning og flytter mere online</a:t>
            </a:r>
            <a:r>
              <a:rPr lang="da-DK" sz="2200" b="1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. I klasseværelset er eleverne engageret i autentiske, </a:t>
            </a:r>
            <a:r>
              <a:rPr lang="da-DK" sz="2200" b="1" dirty="0" err="1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kollaborative</a:t>
            </a:r>
            <a:r>
              <a:rPr lang="da-DK" sz="2200" b="1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 læringsoplevelser. Onlinekomponenterne kan indeholde indhold, der er forbedret med flere multimedier, og fora til løbende drøftelser (Penn State: https://sites.psu.edu/hybridlearning/what-is-hybrid/. </a:t>
            </a:r>
          </a:p>
          <a:p>
            <a:pPr marL="0" indent="0">
              <a:lnSpc>
                <a:spcPct val="107000"/>
              </a:lnSpc>
              <a:spcAft>
                <a:spcPts val="800"/>
              </a:spcAft>
              <a:buNone/>
            </a:pPr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4BF75A30-553B-4614-875E-91E27253490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5868537" y="1825625"/>
            <a:ext cx="5485263" cy="3162632"/>
          </a:xfrm>
          <a:solidFill>
            <a:schemeClr val="accent4">
              <a:lumMod val="20000"/>
              <a:lumOff val="80000"/>
            </a:schemeClr>
          </a:solidFill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da-DK" sz="1600" b="1" dirty="0">
                <a:latin typeface="Courier New" panose="02070309020205020404" pitchFamily="49" charset="0"/>
                <a:cs typeface="Courier New" panose="02070309020205020404" pitchFamily="49" charset="0"/>
              </a:rPr>
              <a:t>Hybrid læring er en måde at kombinere traditionelle klasseundervisning, erfaringsbaseret læring og digitale kursuselementer kursuslevering, </a:t>
            </a:r>
            <a:r>
              <a:rPr lang="da-DK" sz="1600" b="1" u="sng" dirty="0">
                <a:latin typeface="Courier New" panose="02070309020205020404" pitchFamily="49" charset="0"/>
                <a:cs typeface="Courier New" panose="02070309020205020404" pitchFamily="49" charset="0"/>
              </a:rPr>
              <a:t>der lægger vægt på at bruge den bedste løsning ift.  læringsmål.</a:t>
            </a:r>
            <a:r>
              <a:rPr lang="da-DK" sz="1600" b="1" dirty="0">
                <a:latin typeface="Courier New" panose="02070309020205020404" pitchFamily="49" charset="0"/>
                <a:cs typeface="Courier New" panose="02070309020205020404" pitchFamily="49" charset="0"/>
              </a:rPr>
              <a:t> Det betyder i  modsætning til ”Blended Learning” , som søger at skabe balance mellem ansigt-til-ansigt og online aspekter inden for et forløb, hybrid læring varierer meget alt efter emnet underviste og behovene hos specifikke grupper af elever.</a:t>
            </a:r>
            <a:r>
              <a:rPr lang="da-DK" sz="1600" u="sng" dirty="0">
                <a:solidFill>
                  <a:srgbClr val="0000FF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  <a:hlinkClick r:id="rId2"/>
              </a:rPr>
              <a:t> https://ethinkeducation.com/blog/what-is-hybrid-learning-how-to-implement-a-hybrid-learning-strategy/</a:t>
            </a:r>
            <a:endParaRPr lang="da-DK" sz="16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0" indent="0">
              <a:buNone/>
            </a:pPr>
            <a:endParaRPr lang="da-DK" sz="1400" b="1" dirty="0">
              <a:latin typeface="Courier New" panose="02070309020205020404" pitchFamily="49" charset="0"/>
              <a:cs typeface="Courier New" panose="02070309020205020404" pitchFamily="49" charset="0"/>
            </a:endParaRPr>
          </a:p>
          <a:p>
            <a:pPr marL="0" indent="0">
              <a:buNone/>
            </a:pPr>
            <a:endParaRPr lang="da-DK" sz="1400" b="1" dirty="0">
              <a:latin typeface="Courier New" panose="02070309020205020404" pitchFamily="49" charset="0"/>
              <a:cs typeface="Courier New" panose="02070309020205020404" pitchFamily="49" charset="0"/>
            </a:endParaRPr>
          </a:p>
        </p:txBody>
      </p:sp>
      <p:sp>
        <p:nvSpPr>
          <p:cNvPr id="9" name="Pladsholder til indhold 3">
            <a:extLst>
              <a:ext uri="{FF2B5EF4-FFF2-40B4-BE49-F238E27FC236}">
                <a16:creationId xmlns:a16="http://schemas.microsoft.com/office/drawing/2014/main" id="{466EE297-8042-44FA-B34C-256EFFA85500}"/>
              </a:ext>
            </a:extLst>
          </p:cNvPr>
          <p:cNvSpPr txBox="1">
            <a:spLocks/>
          </p:cNvSpPr>
          <p:nvPr/>
        </p:nvSpPr>
        <p:spPr>
          <a:xfrm>
            <a:off x="1003112" y="4612943"/>
            <a:ext cx="5334000" cy="1794680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</p:spPr>
        <p:txBody>
          <a:bodyPr vert="horz" lIns="91440" tIns="45720" rIns="91440" bIns="45720" rtlCol="0">
            <a:normAutofit fontScale="775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7000"/>
              </a:lnSpc>
              <a:spcAft>
                <a:spcPts val="800"/>
              </a:spcAft>
              <a:buNone/>
            </a:pPr>
            <a:r>
              <a:rPr lang="da-DK" sz="1800" b="1" spc="15" dirty="0">
                <a:solidFill>
                  <a:srgbClr val="373E40"/>
                </a:solidFill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Hybrid læring er en pædagogisk model, hvor nogle elever er tilstede  i klassen, mens andre deltager i klassen hjemmefra. Undervisere på samme tid ved hjælp af værktøjer som </a:t>
            </a:r>
            <a:r>
              <a:rPr lang="da-DK" sz="1800" b="1" u="sng" spc="15" dirty="0">
                <a:solidFill>
                  <a:srgbClr val="0191BD"/>
                </a:solidFill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  <a:hlinkClick r:id="rId3"/>
              </a:rPr>
              <a:t>videokonferencehardware</a:t>
            </a:r>
            <a:r>
              <a:rPr lang="da-DK" sz="1800" b="1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 </a:t>
            </a:r>
            <a:r>
              <a:rPr lang="da-DK" sz="1800" b="1" spc="15" dirty="0">
                <a:solidFill>
                  <a:srgbClr val="373E40"/>
                </a:solidFill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 og </a:t>
            </a:r>
            <a:r>
              <a:rPr lang="da-DK" sz="1800" b="1" dirty="0"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 </a:t>
            </a:r>
            <a:r>
              <a:rPr lang="da-DK" sz="1800" b="1" u="sng" spc="15" dirty="0">
                <a:solidFill>
                  <a:srgbClr val="0191BD"/>
                </a:solidFill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  <a:hlinkClick r:id="rId4"/>
              </a:rPr>
              <a:t>software.</a:t>
            </a:r>
            <a:r>
              <a:rPr lang="da-DK" sz="1800" b="1" u="sng" spc="15" dirty="0">
                <a:solidFill>
                  <a:srgbClr val="0191BD"/>
                </a:solidFill>
                <a:effectLst/>
                <a:latin typeface="Courier New" panose="02070309020205020404" pitchFamily="49" charset="0"/>
                <a:ea typeface="Calibri" panose="020F0502020204030204" pitchFamily="34" charset="0"/>
                <a:cs typeface="Courier New" panose="02070309020205020404" pitchFamily="49" charset="0"/>
              </a:rPr>
              <a:t> https://www.owllabs.com/blog/hybrid-learning</a:t>
            </a:r>
            <a:endParaRPr lang="da-DK" sz="1800" b="1" dirty="0">
              <a:effectLst/>
              <a:latin typeface="Courier New" panose="02070309020205020404" pitchFamily="49" charset="0"/>
              <a:ea typeface="Calibri" panose="020F0502020204030204" pitchFamily="34" charset="0"/>
              <a:cs typeface="Courier New" panose="02070309020205020404" pitchFamily="49" charset="0"/>
            </a:endParaRPr>
          </a:p>
          <a:p>
            <a:pPr marL="0" indent="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None/>
            </a:pPr>
            <a:r>
              <a:rPr lang="da-DK" sz="18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</a:p>
        </p:txBody>
      </p:sp>
    </p:spTree>
    <p:extLst>
      <p:ext uri="{BB962C8B-B14F-4D97-AF65-F5344CB8AC3E}">
        <p14:creationId xmlns:p14="http://schemas.microsoft.com/office/powerpoint/2010/main" val="293302276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29EADE6-8C5B-4812-8EB2-BA146E6AE8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>
                <a:latin typeface="+mn-lt"/>
              </a:rPr>
              <a:t>Og nogen siger:</a:t>
            </a:r>
            <a:endParaRPr lang="da-DK" b="1" dirty="0">
              <a:latin typeface="+mn-lt"/>
            </a:endParaRP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85E1DC4-2DB3-41C8-80DB-46B2E4EC934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solidFill>
            <a:schemeClr val="accent3">
              <a:lumMod val="20000"/>
              <a:lumOff val="80000"/>
            </a:schemeClr>
          </a:solidFill>
        </p:spPr>
        <p:txBody>
          <a:bodyPr>
            <a:normAutofit fontScale="70000" lnSpcReduction="20000"/>
          </a:bodyPr>
          <a:lstStyle/>
          <a:p>
            <a:pPr marL="0" indent="0">
              <a:buNone/>
            </a:pPr>
            <a:r>
              <a:rPr lang="da-DK" b="1" i="0" dirty="0">
                <a:solidFill>
                  <a:srgbClr val="4E4E4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Det er skolens opgave at ruste eleverne til at blive fremtidens livsduelige voksne i et digitaliseret og demokratisk samfund. Men de forandringer, vi ser realisere sig allerede nu og i den nærmeste fremtid, betyder, at denne opgave kommer til at blive anderledes end hidtil antaget og praktiseret. </a:t>
            </a:r>
            <a:r>
              <a:rPr lang="da-DK" b="1" i="0" u="sng" dirty="0">
                <a:solidFill>
                  <a:srgbClr val="4E4E4E"/>
                </a:solidFill>
                <a:effectLst/>
                <a:latin typeface="Courier New" panose="02070309020205020404" pitchFamily="49" charset="0"/>
                <a:cs typeface="Courier New" panose="02070309020205020404" pitchFamily="49" charset="0"/>
              </a:rPr>
              <a:t>En af de væsentlige forandringer er, at eleverne ikke opfatter det fysiske og det virtuelle som adskilte størrelser, men som flydende rum, på én gang fysiske og digitale – hybride rum</a:t>
            </a:r>
            <a:r>
              <a:rPr lang="da-DK" b="0" i="0" u="sng" dirty="0">
                <a:solidFill>
                  <a:srgbClr val="4E4E4E"/>
                </a:solidFill>
                <a:effectLst/>
                <a:latin typeface="Lato"/>
              </a:rPr>
              <a:t>.</a:t>
            </a:r>
            <a:endParaRPr lang="da-DK" u="sng" dirty="0"/>
          </a:p>
        </p:txBody>
      </p:sp>
      <p:pic>
        <p:nvPicPr>
          <p:cNvPr id="6" name="Pladsholder til indhold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86BB543-3E46-44BD-90FA-4915A0899B7D}"/>
              </a:ext>
            </a:extLst>
          </p:cNvPr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6634" y="2124855"/>
            <a:ext cx="2652732" cy="3752877"/>
          </a:xfrm>
        </p:spPr>
      </p:pic>
    </p:spTree>
    <p:extLst>
      <p:ext uri="{BB962C8B-B14F-4D97-AF65-F5344CB8AC3E}">
        <p14:creationId xmlns:p14="http://schemas.microsoft.com/office/powerpoint/2010/main" val="199504032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 useBgFill="1">
        <p:nvSpPr>
          <p:cNvPr id="8" name="Rectangle 7">
            <a:extLst>
              <a:ext uri="{FF2B5EF4-FFF2-40B4-BE49-F238E27FC236}">
                <a16:creationId xmlns:a16="http://schemas.microsoft.com/office/drawing/2014/main" id="{EFD0E8E8-C530-4B2D-A01A-CCD47590B66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2282ADE-BA3B-4A62-A790-0C4C851D41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3040" y="1091821"/>
            <a:ext cx="3801581" cy="4674358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6000" b="1" kern="1200" dirty="0" err="1">
                <a:solidFill>
                  <a:schemeClr val="tx1">
                    <a:lumMod val="85000"/>
                    <a:lumOff val="15000"/>
                  </a:schemeClr>
                </a:solidFill>
                <a:latin typeface="+mn-lt"/>
                <a:ea typeface="+mj-ea"/>
                <a:cs typeface="+mj-cs"/>
              </a:rPr>
              <a:t>Tentativ</a:t>
            </a:r>
            <a:r>
              <a:rPr lang="en-US" sz="6000" b="1" kern="1200" dirty="0">
                <a:solidFill>
                  <a:schemeClr val="tx1">
                    <a:lumMod val="85000"/>
                    <a:lumOff val="15000"/>
                  </a:schemeClr>
                </a:solidFill>
                <a:latin typeface="+mn-lt"/>
                <a:ea typeface="+mj-ea"/>
                <a:cs typeface="+mj-cs"/>
              </a:rPr>
              <a:t> definition:</a:t>
            </a:r>
          </a:p>
        </p:txBody>
      </p:sp>
      <p:sp>
        <p:nvSpPr>
          <p:cNvPr id="10" name="Freeform: Shape 9">
            <a:extLst>
              <a:ext uri="{FF2B5EF4-FFF2-40B4-BE49-F238E27FC236}">
                <a16:creationId xmlns:a16="http://schemas.microsoft.com/office/drawing/2014/main" id="{53472F09-8E00-4E02-9034-0A382CF663D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5715915" y="727306"/>
            <a:ext cx="4639824" cy="4639824"/>
          </a:xfrm>
          <a:custGeom>
            <a:avLst/>
            <a:gdLst>
              <a:gd name="connsiteX0" fmla="*/ 2319912 w 4639824"/>
              <a:gd name="connsiteY0" fmla="*/ 0 h 4639824"/>
              <a:gd name="connsiteX1" fmla="*/ 4639824 w 4639824"/>
              <a:gd name="connsiteY1" fmla="*/ 2319912 h 4639824"/>
              <a:gd name="connsiteX2" fmla="*/ 2319912 w 4639824"/>
              <a:gd name="connsiteY2" fmla="*/ 4639824 h 4639824"/>
              <a:gd name="connsiteX3" fmla="*/ 0 w 4639824"/>
              <a:gd name="connsiteY3" fmla="*/ 2319912 h 4639824"/>
              <a:gd name="connsiteX4" fmla="*/ 2319912 w 4639824"/>
              <a:gd name="connsiteY4" fmla="*/ 0 h 4639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4639824" h="4639824">
                <a:moveTo>
                  <a:pt x="2319912" y="0"/>
                </a:moveTo>
                <a:cubicBezTo>
                  <a:pt x="3601164" y="0"/>
                  <a:pt x="4639824" y="1038660"/>
                  <a:pt x="4639824" y="2319912"/>
                </a:cubicBezTo>
                <a:cubicBezTo>
                  <a:pt x="4639824" y="3601164"/>
                  <a:pt x="3601164" y="4639824"/>
                  <a:pt x="2319912" y="4639824"/>
                </a:cubicBezTo>
                <a:cubicBezTo>
                  <a:pt x="1038660" y="4639824"/>
                  <a:pt x="0" y="3601164"/>
                  <a:pt x="0" y="2319912"/>
                </a:cubicBezTo>
                <a:cubicBezTo>
                  <a:pt x="0" y="1038660"/>
                  <a:pt x="1038660" y="0"/>
                  <a:pt x="2319912" y="0"/>
                </a:cubicBezTo>
                <a:close/>
              </a:path>
            </a:pathLst>
          </a:custGeom>
          <a:solidFill>
            <a:srgbClr val="4D4D4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4DA077B8-7326-4434-87ED-77DF3CF3DC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7807227" y="1253852"/>
            <a:ext cx="457200" cy="457200"/>
          </a:xfrm>
          <a:prstGeom prst="ellipse">
            <a:avLst/>
          </a:prstGeom>
          <a:solidFill>
            <a:srgbClr val="FFFFFF">
              <a:alpha val="7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F79CDED1-AC9C-4A80-B334-1309DEAD541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10800000" flipH="1">
            <a:off x="8480791" y="0"/>
            <a:ext cx="2229415" cy="1711051"/>
          </a:xfrm>
          <a:custGeom>
            <a:avLst/>
            <a:gdLst>
              <a:gd name="connsiteX0" fmla="*/ 1731031 w 2229415"/>
              <a:gd name="connsiteY0" fmla="*/ 1711051 h 1711051"/>
              <a:gd name="connsiteX1" fmla="*/ 2229415 w 2229415"/>
              <a:gd name="connsiteY1" fmla="*/ 1711051 h 1711051"/>
              <a:gd name="connsiteX2" fmla="*/ 2220570 w 2229415"/>
              <a:gd name="connsiteY2" fmla="*/ 1665525 h 1711051"/>
              <a:gd name="connsiteX3" fmla="*/ 118985 w 2229415"/>
              <a:gd name="connsiteY3" fmla="*/ 3008 h 1711051"/>
              <a:gd name="connsiteX4" fmla="*/ 0 w 2229415"/>
              <a:gd name="connsiteY4" fmla="*/ 0 h 1711051"/>
              <a:gd name="connsiteX5" fmla="*/ 0 w 2229415"/>
              <a:gd name="connsiteY5" fmla="*/ 474250 h 1711051"/>
              <a:gd name="connsiteX6" fmla="*/ 187921 w 2229415"/>
              <a:gd name="connsiteY6" fmla="*/ 483739 h 1711051"/>
              <a:gd name="connsiteX7" fmla="*/ 1656728 w 2229415"/>
              <a:gd name="connsiteY7" fmla="*/ 1515386 h 17110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229415" h="1711051">
                <a:moveTo>
                  <a:pt x="1731031" y="1711051"/>
                </a:moveTo>
                <a:lnTo>
                  <a:pt x="2229415" y="1711051"/>
                </a:lnTo>
                <a:lnTo>
                  <a:pt x="2220570" y="1665525"/>
                </a:lnTo>
                <a:cubicBezTo>
                  <a:pt x="1951414" y="739745"/>
                  <a:pt x="1119014" y="53700"/>
                  <a:pt x="118985" y="3008"/>
                </a:cubicBezTo>
                <a:lnTo>
                  <a:pt x="0" y="0"/>
                </a:lnTo>
                <a:lnTo>
                  <a:pt x="0" y="474250"/>
                </a:lnTo>
                <a:lnTo>
                  <a:pt x="187921" y="483739"/>
                </a:lnTo>
                <a:cubicBezTo>
                  <a:pt x="836687" y="549625"/>
                  <a:pt x="1385706" y="952924"/>
                  <a:pt x="1656728" y="1515386"/>
                </a:cubicBezTo>
                <a:close/>
              </a:path>
            </a:pathLst>
          </a:cu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FD961BDC-5B67-481B-B628-6C15F47245F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0488704" y="3819513"/>
            <a:ext cx="731520" cy="731520"/>
          </a:xfrm>
          <a:prstGeom prst="ellipse">
            <a:avLst/>
          </a:prstGeom>
          <a:solidFill>
            <a:schemeClr val="accent6">
              <a:lumMod val="75000"/>
              <a:alpha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06CC263E-5CD3-42BB-99F8-3C062C4B568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9350573" y="4944229"/>
            <a:ext cx="1645920" cy="1645920"/>
          </a:xfrm>
          <a:prstGeom prst="ellipse">
            <a:avLst/>
          </a:prstGeom>
          <a:solidFill>
            <a:schemeClr val="tx1">
              <a:lumMod val="75000"/>
              <a:lumOff val="25000"/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2953F66-C864-44D5-B895-073BF4C3E3C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4793" y="1760562"/>
            <a:ext cx="3582537" cy="3336876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marL="0" indent="0">
              <a:buNone/>
            </a:pPr>
            <a:r>
              <a:rPr lang="en-US" sz="1800" dirty="0">
                <a:solidFill>
                  <a:srgbClr val="FFFFFF"/>
                </a:solidFill>
              </a:rPr>
              <a:t>I </a:t>
            </a:r>
            <a:r>
              <a:rPr lang="en-US" sz="1800" dirty="0" err="1">
                <a:solidFill>
                  <a:srgbClr val="FFFFFF"/>
                </a:solidFill>
              </a:rPr>
              <a:t>hybride</a:t>
            </a:r>
            <a:r>
              <a:rPr lang="en-US" sz="1800" dirty="0">
                <a:solidFill>
                  <a:srgbClr val="FFFFFF"/>
                </a:solidFill>
              </a:rPr>
              <a:t>  </a:t>
            </a:r>
            <a:r>
              <a:rPr lang="en-US" sz="1800" dirty="0" err="1">
                <a:solidFill>
                  <a:srgbClr val="FFFFFF"/>
                </a:solidFill>
              </a:rPr>
              <a:t>formate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sammensættes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g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bruges</a:t>
            </a:r>
            <a:r>
              <a:rPr lang="en-US" sz="1800" dirty="0">
                <a:solidFill>
                  <a:srgbClr val="FFFFFF"/>
                </a:solidFill>
              </a:rPr>
              <a:t>  </a:t>
            </a:r>
            <a:r>
              <a:rPr lang="en-US" sz="1800" dirty="0" err="1">
                <a:solidFill>
                  <a:srgbClr val="FFFFFF"/>
                </a:solidFill>
              </a:rPr>
              <a:t>læringsaktivitete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g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medie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på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måder</a:t>
            </a:r>
            <a:r>
              <a:rPr lang="en-US" sz="1800" dirty="0">
                <a:solidFill>
                  <a:srgbClr val="FFFFFF"/>
                </a:solidFill>
              </a:rPr>
              <a:t>, der </a:t>
            </a:r>
            <a:r>
              <a:rPr lang="en-US" sz="1800" dirty="0" err="1">
                <a:solidFill>
                  <a:srgbClr val="FFFFFF"/>
                </a:solidFill>
              </a:rPr>
              <a:t>optimerer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læring</a:t>
            </a:r>
            <a:r>
              <a:rPr lang="en-US" sz="1800" dirty="0">
                <a:solidFill>
                  <a:srgbClr val="FFFFFF"/>
                </a:solidFill>
              </a:rPr>
              <a:t> i forhold </a:t>
            </a:r>
            <a:r>
              <a:rPr lang="en-US" sz="1800" dirty="0" err="1">
                <a:solidFill>
                  <a:srgbClr val="FFFFFF"/>
                </a:solidFill>
              </a:rPr>
              <a:t>til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deltagerforudsætninger</a:t>
            </a:r>
            <a:r>
              <a:rPr lang="en-US" sz="1800" dirty="0">
                <a:solidFill>
                  <a:srgbClr val="FFFFFF"/>
                </a:solidFill>
              </a:rPr>
              <a:t>, </a:t>
            </a:r>
            <a:r>
              <a:rPr lang="en-US" sz="1800" dirty="0" err="1">
                <a:solidFill>
                  <a:srgbClr val="FFFFFF"/>
                </a:solidFill>
              </a:rPr>
              <a:t>læringsmål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og</a:t>
            </a:r>
            <a:r>
              <a:rPr lang="en-US" sz="1800" dirty="0">
                <a:solidFill>
                  <a:srgbClr val="FFFFFF"/>
                </a:solidFill>
              </a:rPr>
              <a:t> </a:t>
            </a:r>
            <a:r>
              <a:rPr lang="en-US" sz="1800" dirty="0" err="1">
                <a:solidFill>
                  <a:srgbClr val="FFFFFF"/>
                </a:solidFill>
              </a:rPr>
              <a:t>rammebetingelser</a:t>
            </a:r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85150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DF35033-754E-4D84-87D9-C2266CB755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D2B7D97-54F3-4D6C-BBD7-419653F0EE6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32500" lnSpcReduction="20000"/>
          </a:bodyPr>
          <a:lstStyle/>
          <a:p>
            <a:pPr marL="0" indent="0" algn="ctr">
              <a:buNone/>
            </a:pPr>
            <a:r>
              <a:rPr lang="da-DK" sz="34400" dirty="0">
                <a:solidFill>
                  <a:schemeClr val="bg1">
                    <a:lumMod val="95000"/>
                  </a:schemeClr>
                </a:solidFill>
              </a:rPr>
              <a:t>Undervisning og undervisere</a:t>
            </a:r>
          </a:p>
        </p:txBody>
      </p:sp>
    </p:spTree>
    <p:extLst>
      <p:ext uri="{BB962C8B-B14F-4D97-AF65-F5344CB8AC3E}">
        <p14:creationId xmlns:p14="http://schemas.microsoft.com/office/powerpoint/2010/main" val="19835851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9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1</TotalTime>
  <Words>1441</Words>
  <Application>Microsoft Office PowerPoint</Application>
  <PresentationFormat>Widescreen</PresentationFormat>
  <Paragraphs>113</Paragraphs>
  <Slides>25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9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5</vt:i4>
      </vt:variant>
    </vt:vector>
  </HeadingPairs>
  <TitlesOfParts>
    <vt:vector size="35" baseType="lpstr">
      <vt:lpstr>Arial</vt:lpstr>
      <vt:lpstr>Calibri</vt:lpstr>
      <vt:lpstr>Calibri Light</vt:lpstr>
      <vt:lpstr>Courier</vt:lpstr>
      <vt:lpstr>Courier New</vt:lpstr>
      <vt:lpstr>Georgia</vt:lpstr>
      <vt:lpstr>Lato</vt:lpstr>
      <vt:lpstr>Times New Roman</vt:lpstr>
      <vt:lpstr>Verdana</vt:lpstr>
      <vt:lpstr>Office-tema</vt:lpstr>
      <vt:lpstr>Hybride formater: Pædagogik, ledelse og undervisere</vt:lpstr>
      <vt:lpstr>PowerPoint-præsentation</vt:lpstr>
      <vt:lpstr>?</vt:lpstr>
      <vt:lpstr>Med forskellige hensigter</vt:lpstr>
      <vt:lpstr>PowerPoint-præsentation</vt:lpstr>
      <vt:lpstr>Definitorisk uklarhed</vt:lpstr>
      <vt:lpstr>Og nogen siger:</vt:lpstr>
      <vt:lpstr>Tentativ definition:</vt:lpstr>
      <vt:lpstr>PowerPoint-præsentation</vt:lpstr>
      <vt:lpstr>I nødundervisningen ser vi</vt:lpstr>
      <vt:lpstr>Refleksions – og handlingsrum</vt:lpstr>
      <vt:lpstr>Fordi:</vt:lpstr>
      <vt:lpstr>Lærerrollen har nu flere dimensioner</vt:lpstr>
      <vt:lpstr>Dermed også en ny arbejdsdeling…</vt:lpstr>
      <vt:lpstr>PowerPoint-præsentation</vt:lpstr>
      <vt:lpstr>Ledelse - Fokus</vt:lpstr>
      <vt:lpstr>Robinson, V. (2011). Student-Centered Leadership. Hoboken, NJ: Jossey-Bass</vt:lpstr>
      <vt:lpstr>Pædagogisk ledelses fem dimensioner </vt:lpstr>
      <vt:lpstr>Det med målene</vt:lpstr>
      <vt:lpstr>Elsk dine undervisere</vt:lpstr>
      <vt:lpstr>PowerPoint-præsentation</vt:lpstr>
      <vt:lpstr>Anslag – SAMR-modellen</vt:lpstr>
      <vt:lpstr>Anslag – SAMR-modellen</vt:lpstr>
      <vt:lpstr>Referencer: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Hybride formater: Pædagogik, ledelse og undervisere</dc:title>
  <dc:creator>Niels Henrik Helms</dc:creator>
  <cp:lastModifiedBy>Niels Henrik Helms</cp:lastModifiedBy>
  <cp:revision>3</cp:revision>
  <dcterms:created xsi:type="dcterms:W3CDTF">2021-01-26T11:00:44Z</dcterms:created>
  <dcterms:modified xsi:type="dcterms:W3CDTF">2021-01-31T13:36:31Z</dcterms:modified>
</cp:coreProperties>
</file>